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507\02_地域包括ケアグループ\03地域包括ケアＧ（事業）\16_病棟等[転換]準備経費支援事業費補助\02_要綱・申請手引き\別に定める様式\"/>
    </mc:Choice>
  </mc:AlternateContent>
  <bookViews>
    <workbookView xWindow="480" yWindow="30" windowWidth="8490" windowHeight="4725" activeTab="1"/>
  </bookViews>
  <sheets>
    <sheet name="3-1" sheetId="14" r:id="rId1"/>
    <sheet name="3-2" sheetId="7" r:id="rId2"/>
  </sheets>
  <externalReferences>
    <externalReference r:id="rId3"/>
  </externalReferences>
  <definedNames>
    <definedName name="_xlnm.Print_Area" localSheetId="0">'3-1'!$B$1:$I$36</definedName>
    <definedName name="事業分類">[1]事業分類・区分!$B$2:$H$2</definedName>
  </definedNames>
  <calcPr calcId="162913"/>
</workbook>
</file>

<file path=xl/calcChain.xml><?xml version="1.0" encoding="utf-8"?>
<calcChain xmlns="http://schemas.openxmlformats.org/spreadsheetml/2006/main">
  <c r="D22" i="7" l="1"/>
  <c r="E27" i="14" l="1"/>
  <c r="E11" i="14"/>
  <c r="E31" i="14" s="1"/>
</calcChain>
</file>

<file path=xl/comments1.xml><?xml version="1.0" encoding="utf-8"?>
<comments xmlns="http://schemas.openxmlformats.org/spreadsheetml/2006/main">
  <authors>
    <author>作成者</author>
  </authors>
  <commentList>
    <comment ref="I12" authorId="0" shapeId="0">
      <text>
        <r>
          <rPr>
            <b/>
            <sz val="9"/>
            <color indexed="81"/>
            <rFont val="MS P ゴシック"/>
            <family val="3"/>
            <charset val="128"/>
          </rPr>
          <t>　既に支払い済みの給与については、賃金台帳等の給与の支給根拠資料と突合せができるようにしてください。まだ支払っていない給与については見込み額をご記載ください。
・「給料」：基本給月額
　　　　　　配置期間
・「賞与」：賞与支給月、支給予定額
・「手当」：支給する予定の手当の内訳
・「法定福利費」：社会保険料等の内訳</t>
        </r>
      </text>
    </comment>
  </commentList>
</comments>
</file>

<file path=xl/sharedStrings.xml><?xml version="1.0" encoding="utf-8"?>
<sst xmlns="http://schemas.openxmlformats.org/spreadsheetml/2006/main" count="57" uniqueCount="50">
  <si>
    <t>（補助事業者名）</t>
    <phoneticPr fontId="7"/>
  </si>
  <si>
    <t>職種</t>
    <rPh sb="0" eb="2">
      <t>ショクシュ</t>
    </rPh>
    <phoneticPr fontId="1"/>
  </si>
  <si>
    <t>氏名</t>
    <rPh sb="0" eb="2">
      <t>シメイ</t>
    </rPh>
    <phoneticPr fontId="1"/>
  </si>
  <si>
    <t>事業費用（予定）</t>
    <rPh sb="0" eb="2">
      <t>ジギョウ</t>
    </rPh>
    <rPh sb="2" eb="4">
      <t>ヒヨウ</t>
    </rPh>
    <rPh sb="5" eb="7">
      <t>ヨテイ</t>
    </rPh>
    <phoneticPr fontId="1"/>
  </si>
  <si>
    <t>項目</t>
    <rPh sb="0" eb="2">
      <t>コウモク</t>
    </rPh>
    <phoneticPr fontId="7"/>
  </si>
  <si>
    <t>総額（予定）</t>
    <rPh sb="0" eb="1">
      <t>フサ</t>
    </rPh>
    <rPh sb="1" eb="2">
      <t>ガク</t>
    </rPh>
    <rPh sb="3" eb="5">
      <t>ヨテイ</t>
    </rPh>
    <phoneticPr fontId="1"/>
  </si>
  <si>
    <t>備考</t>
    <rPh sb="0" eb="1">
      <t>ソナエ</t>
    </rPh>
    <rPh sb="1" eb="2">
      <t>コウ</t>
    </rPh>
    <phoneticPr fontId="1"/>
  </si>
  <si>
    <t xml:space="preserve"> 費用（a）</t>
    <rPh sb="1" eb="2">
      <t>ヒ</t>
    </rPh>
    <rPh sb="2" eb="3">
      <t>ヨウ</t>
    </rPh>
    <phoneticPr fontId="1"/>
  </si>
  <si>
    <t>円</t>
    <rPh sb="0" eb="1">
      <t>エン</t>
    </rPh>
    <phoneticPr fontId="7"/>
  </si>
  <si>
    <t>（内訳）</t>
    <rPh sb="1" eb="3">
      <t>ウチワケ</t>
    </rPh>
    <phoneticPr fontId="1"/>
  </si>
  <si>
    <t>　　給料</t>
    <rPh sb="2" eb="4">
      <t>キュウリョウ</t>
    </rPh>
    <phoneticPr fontId="1"/>
  </si>
  <si>
    <t>円</t>
    <rPh sb="0" eb="1">
      <t>エン</t>
    </rPh>
    <phoneticPr fontId="1"/>
  </si>
  <si>
    <t>　　賞与</t>
    <rPh sb="2" eb="4">
      <t>ショウヨ</t>
    </rPh>
    <phoneticPr fontId="1"/>
  </si>
  <si>
    <t>　　手当</t>
    <rPh sb="2" eb="4">
      <t>テアテ</t>
    </rPh>
    <phoneticPr fontId="1"/>
  </si>
  <si>
    <t>　　法定福利費</t>
    <rPh sb="2" eb="4">
      <t>ホウテイ</t>
    </rPh>
    <rPh sb="4" eb="6">
      <t>フクリ</t>
    </rPh>
    <rPh sb="6" eb="7">
      <t>ヒ</t>
    </rPh>
    <phoneticPr fontId="1"/>
  </si>
  <si>
    <t xml:space="preserve"> 収益（b）</t>
    <rPh sb="1" eb="3">
      <t>シュウエキ</t>
    </rPh>
    <phoneticPr fontId="1"/>
  </si>
  <si>
    <t>寄附金</t>
    <phoneticPr fontId="7"/>
  </si>
  <si>
    <t>その他の収入</t>
    <phoneticPr fontId="7"/>
  </si>
  <si>
    <t xml:space="preserve"> 差引事業費（a－b）　　 　c</t>
    <phoneticPr fontId="1"/>
  </si>
  <si>
    <t>※３　備考欄には算出方法を記入すること（対象となる職員の配置期間が通算して１年に満たない場</t>
    <rPh sb="3" eb="5">
      <t>ビコウ</t>
    </rPh>
    <rPh sb="5" eb="6">
      <t>ラン</t>
    </rPh>
    <rPh sb="8" eb="10">
      <t>サンシュツ</t>
    </rPh>
    <rPh sb="10" eb="12">
      <t>ホウホウ</t>
    </rPh>
    <rPh sb="13" eb="15">
      <t>キニュウ</t>
    </rPh>
    <phoneticPr fontId="1"/>
  </si>
  <si>
    <t>　　合は、その雇用状況や算出方法等も記載すること。）。　</t>
    <phoneticPr fontId="1"/>
  </si>
  <si>
    <t>※４　人件費（常勤職員給料、非常勤職員給料、賞与及び手当、法定福利費を含む。）の根拠資料等</t>
    <rPh sb="3" eb="6">
      <t>ジンケンヒ</t>
    </rPh>
    <rPh sb="29" eb="31">
      <t>ホウテイ</t>
    </rPh>
    <rPh sb="31" eb="33">
      <t>フクリ</t>
    </rPh>
    <rPh sb="33" eb="34">
      <t>ヒ</t>
    </rPh>
    <rPh sb="40" eb="42">
      <t>コンキョ</t>
    </rPh>
    <rPh sb="42" eb="44">
      <t>シリョウ</t>
    </rPh>
    <rPh sb="44" eb="45">
      <t>トウ</t>
    </rPh>
    <phoneticPr fontId="1"/>
  </si>
  <si>
    <t>　　を添付すること。</t>
    <phoneticPr fontId="1"/>
  </si>
  <si>
    <t>様式５別紙３－１</t>
    <rPh sb="0" eb="2">
      <t>ヨウシキ</t>
    </rPh>
    <rPh sb="3" eb="5">
      <t>ベッシ</t>
    </rPh>
    <phoneticPr fontId="1"/>
  </si>
  <si>
    <t>事　業　実　績　明　細　書</t>
    <rPh sb="0" eb="1">
      <t>コト</t>
    </rPh>
    <rPh sb="2" eb="3">
      <t>ゴウ</t>
    </rPh>
    <rPh sb="4" eb="5">
      <t>ジツ</t>
    </rPh>
    <rPh sb="6" eb="7">
      <t>イサオ</t>
    </rPh>
    <rPh sb="8" eb="9">
      <t>アキラ</t>
    </rPh>
    <rPh sb="10" eb="11">
      <t>ホソ</t>
    </rPh>
    <rPh sb="12" eb="13">
      <t>ショ</t>
    </rPh>
    <phoneticPr fontId="1"/>
  </si>
  <si>
    <t>※１　この様式は、要綱別表２に掲げる経費について作成すること。</t>
    <rPh sb="5" eb="7">
      <t>ヨウシキ</t>
    </rPh>
    <rPh sb="9" eb="11">
      <t>ヨウコウ</t>
    </rPh>
    <rPh sb="11" eb="13">
      <t>ベッピョウ</t>
    </rPh>
    <rPh sb="15" eb="16">
      <t>カカ</t>
    </rPh>
    <rPh sb="18" eb="20">
      <t>ケイヒ</t>
    </rPh>
    <rPh sb="24" eb="26">
      <t>サクセイ</t>
    </rPh>
    <phoneticPr fontId="1"/>
  </si>
  <si>
    <t>※２　この様式は、訓練を行った看護職員ごとに作成すること</t>
    <rPh sb="5" eb="7">
      <t>ヨウシキ</t>
    </rPh>
    <rPh sb="9" eb="11">
      <t>クンレン</t>
    </rPh>
    <rPh sb="12" eb="13">
      <t>オコナ</t>
    </rPh>
    <rPh sb="15" eb="17">
      <t>カンゴ</t>
    </rPh>
    <rPh sb="17" eb="19">
      <t>ショクイン</t>
    </rPh>
    <rPh sb="22" eb="24">
      <t>サクセイ</t>
    </rPh>
    <phoneticPr fontId="7"/>
  </si>
  <si>
    <t>（医療機関名：　　　　　　　　　　　　　　）</t>
    <rPh sb="1" eb="3">
      <t>イリョウ</t>
    </rPh>
    <rPh sb="3" eb="5">
      <t>キカン</t>
    </rPh>
    <rPh sb="5" eb="6">
      <t>メイ</t>
    </rPh>
    <phoneticPr fontId="1"/>
  </si>
  <si>
    <t>(単位：円）</t>
    <rPh sb="1" eb="3">
      <t>タンイ</t>
    </rPh>
    <rPh sb="4" eb="5">
      <t>エン</t>
    </rPh>
    <phoneticPr fontId="1"/>
  </si>
  <si>
    <t>科目</t>
    <rPh sb="0" eb="2">
      <t>カモク</t>
    </rPh>
    <phoneticPr fontId="1"/>
  </si>
  <si>
    <t>支出額（予定）</t>
    <rPh sb="0" eb="2">
      <t>シシュツ</t>
    </rPh>
    <rPh sb="2" eb="3">
      <t>ガク</t>
    </rPh>
    <rPh sb="4" eb="6">
      <t>ヨテイ</t>
    </rPh>
    <phoneticPr fontId="1"/>
  </si>
  <si>
    <t>内　　　　　　　容</t>
    <rPh sb="0" eb="1">
      <t>ウチ</t>
    </rPh>
    <rPh sb="8" eb="9">
      <t>カタチ</t>
    </rPh>
    <phoneticPr fontId="1"/>
  </si>
  <si>
    <t>需用費</t>
    <rPh sb="0" eb="3">
      <t>ジュヨウヒ</t>
    </rPh>
    <phoneticPr fontId="1"/>
  </si>
  <si>
    <t>使用料及賃借料</t>
    <rPh sb="0" eb="3">
      <t>シヨウリョウ</t>
    </rPh>
    <rPh sb="3" eb="4">
      <t>オヨ</t>
    </rPh>
    <rPh sb="4" eb="6">
      <t>チンシャク</t>
    </rPh>
    <rPh sb="6" eb="7">
      <t>リョウ</t>
    </rPh>
    <phoneticPr fontId="1"/>
  </si>
  <si>
    <t>備品購入費</t>
    <rPh sb="0" eb="2">
      <t>ビヒン</t>
    </rPh>
    <rPh sb="2" eb="5">
      <t>コウニュウヒ</t>
    </rPh>
    <phoneticPr fontId="1"/>
  </si>
  <si>
    <t>備品費</t>
    <rPh sb="0" eb="2">
      <t>ビヒン</t>
    </rPh>
    <rPh sb="2" eb="3">
      <t>ヒ</t>
    </rPh>
    <phoneticPr fontId="1"/>
  </si>
  <si>
    <t>工事請負費</t>
    <rPh sb="0" eb="2">
      <t>コウジ</t>
    </rPh>
    <rPh sb="2" eb="4">
      <t>ウケオイ</t>
    </rPh>
    <rPh sb="4" eb="5">
      <t>ヒ</t>
    </rPh>
    <phoneticPr fontId="1"/>
  </si>
  <si>
    <t>報　酬</t>
    <rPh sb="0" eb="1">
      <t>ホウ</t>
    </rPh>
    <rPh sb="2" eb="3">
      <t>シュウ</t>
    </rPh>
    <phoneticPr fontId="1"/>
  </si>
  <si>
    <t>給　料</t>
    <rPh sb="0" eb="1">
      <t>キュウ</t>
    </rPh>
    <rPh sb="2" eb="3">
      <t>リョウ</t>
    </rPh>
    <phoneticPr fontId="1"/>
  </si>
  <si>
    <t>職員手当等</t>
    <rPh sb="0" eb="2">
      <t>ショクイン</t>
    </rPh>
    <rPh sb="2" eb="4">
      <t>テアテ</t>
    </rPh>
    <rPh sb="4" eb="5">
      <t>トウ</t>
    </rPh>
    <phoneticPr fontId="1"/>
  </si>
  <si>
    <t>共済費</t>
    <rPh sb="0" eb="2">
      <t>キョウサイ</t>
    </rPh>
    <rPh sb="2" eb="3">
      <t>ヒ</t>
    </rPh>
    <phoneticPr fontId="1"/>
  </si>
  <si>
    <t>賃　金</t>
    <rPh sb="0" eb="1">
      <t>チン</t>
    </rPh>
    <rPh sb="2" eb="3">
      <t>キン</t>
    </rPh>
    <phoneticPr fontId="1"/>
  </si>
  <si>
    <t>旅　費</t>
    <rPh sb="0" eb="1">
      <t>タビ</t>
    </rPh>
    <rPh sb="2" eb="3">
      <t>ヒ</t>
    </rPh>
    <phoneticPr fontId="1"/>
  </si>
  <si>
    <t>役務費</t>
    <rPh sb="0" eb="2">
      <t>エキム</t>
    </rPh>
    <rPh sb="2" eb="3">
      <t>ヒ</t>
    </rPh>
    <phoneticPr fontId="1"/>
  </si>
  <si>
    <t>委託料</t>
    <rPh sb="0" eb="3">
      <t>イタクリョウ</t>
    </rPh>
    <phoneticPr fontId="1"/>
  </si>
  <si>
    <t>合　　計</t>
    <rPh sb="0" eb="1">
      <t>ゴウ</t>
    </rPh>
    <rPh sb="3" eb="4">
      <t>ケイ</t>
    </rPh>
    <phoneticPr fontId="1"/>
  </si>
  <si>
    <t>事業費用</t>
    <rPh sb="0" eb="2">
      <t>ジギョウ</t>
    </rPh>
    <rPh sb="2" eb="4">
      <t>ヒヨウ</t>
    </rPh>
    <phoneticPr fontId="1"/>
  </si>
  <si>
    <t>様式５別紙３－２</t>
    <rPh sb="0" eb="2">
      <t>ヨウシキ</t>
    </rPh>
    <rPh sb="3" eb="5">
      <t>ベッシ</t>
    </rPh>
    <phoneticPr fontId="1"/>
  </si>
  <si>
    <t>事　業　実　績　明　細　書</t>
    <phoneticPr fontId="1"/>
  </si>
  <si>
    <t>※　この様式は、要綱別表２に掲げる経費について記載すること。</t>
    <rPh sb="4" eb="6">
      <t>ヨウシキ</t>
    </rPh>
    <rPh sb="14" eb="15">
      <t>カカ</t>
    </rPh>
    <rPh sb="17" eb="19">
      <t>ケイヒ</t>
    </rPh>
    <rPh sb="23" eb="25">
      <t>キサ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font>
      <sz val="11"/>
      <name val="ＭＳ Ｐゴシック"/>
      <family val="3"/>
      <charset val="128"/>
    </font>
    <font>
      <sz val="6"/>
      <name val="ＭＳ Ｐゴシック"/>
      <family val="3"/>
      <charset val="128"/>
    </font>
    <font>
      <sz val="11"/>
      <name val="ＭＳ 明朝"/>
      <family val="1"/>
      <charset val="128"/>
    </font>
    <font>
      <sz val="11"/>
      <name val="ＭＳ Ｐゴシック"/>
      <family val="3"/>
      <charset val="128"/>
    </font>
    <font>
      <sz val="12"/>
      <name val="ＭＳ 明朝"/>
      <family val="1"/>
      <charset val="128"/>
    </font>
    <font>
      <sz val="14"/>
      <name val="ＭＳ ゴシック"/>
      <family val="3"/>
      <charset val="128"/>
    </font>
    <font>
      <sz val="14"/>
      <name val="ＭＳ 明朝"/>
      <family val="1"/>
      <charset val="128"/>
    </font>
    <font>
      <sz val="6"/>
      <name val="ＭＳ Ｐゴシック"/>
      <family val="3"/>
      <charset val="128"/>
      <scheme val="minor"/>
    </font>
    <font>
      <sz val="10"/>
      <name val="ＭＳ 明朝"/>
      <family val="1"/>
      <charset val="128"/>
    </font>
    <font>
      <sz val="9"/>
      <name val="ＭＳ 明朝"/>
      <family val="1"/>
      <charset val="128"/>
    </font>
    <font>
      <b/>
      <sz val="9"/>
      <color indexed="81"/>
      <name val="MS P ゴシック"/>
      <family val="3"/>
      <charset val="128"/>
    </font>
  </fonts>
  <fills count="4">
    <fill>
      <patternFill patternType="none"/>
    </fill>
    <fill>
      <patternFill patternType="gray125"/>
    </fill>
    <fill>
      <patternFill patternType="solid">
        <fgColor rgb="FFFFFF99"/>
        <bgColor indexed="64"/>
      </patternFill>
    </fill>
    <fill>
      <patternFill patternType="solid">
        <fgColor theme="0"/>
        <bgColor indexed="64"/>
      </patternFill>
    </fill>
  </fills>
  <borders count="40">
    <border>
      <left/>
      <right/>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hair">
        <color indexed="64"/>
      </left>
      <right/>
      <top style="hair">
        <color indexed="64"/>
      </top>
      <bottom/>
      <diagonal/>
    </border>
    <border>
      <left/>
      <right style="thin">
        <color indexed="64"/>
      </right>
      <top style="hair">
        <color indexed="64"/>
      </top>
      <bottom/>
      <diagonal/>
    </border>
    <border>
      <left/>
      <right style="thin">
        <color indexed="64"/>
      </right>
      <top/>
      <bottom/>
      <diagonal/>
    </border>
    <border>
      <left style="hair">
        <color indexed="64"/>
      </left>
      <right/>
      <top/>
      <bottom/>
      <diagonal/>
    </border>
    <border>
      <left style="hair">
        <color indexed="64"/>
      </left>
      <right/>
      <top/>
      <bottom style="thin">
        <color indexed="64"/>
      </bottom>
      <diagonal/>
    </border>
    <border>
      <left style="thin">
        <color indexed="64"/>
      </left>
      <right style="hair">
        <color indexed="64"/>
      </right>
      <top/>
      <bottom/>
      <diagonal/>
    </border>
    <border>
      <left style="thin">
        <color indexed="64"/>
      </left>
      <right/>
      <top style="hair">
        <color indexed="64"/>
      </top>
      <bottom/>
      <diagonal/>
    </border>
    <border>
      <left/>
      <right/>
      <top style="hair">
        <color indexed="64"/>
      </top>
      <bottom/>
      <diagonal/>
    </border>
    <border>
      <left style="thin">
        <color indexed="64"/>
      </left>
      <right style="hair">
        <color indexed="64"/>
      </right>
      <top/>
      <bottom style="hair">
        <color indexed="64"/>
      </bottom>
      <diagonal/>
    </border>
    <border>
      <left style="hair">
        <color indexed="64"/>
      </left>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s>
  <cellStyleXfs count="4">
    <xf numFmtId="0" fontId="0" fillId="0" borderId="0"/>
    <xf numFmtId="38" fontId="3" fillId="0" borderId="0" applyFont="0" applyFill="0" applyBorder="0" applyAlignment="0" applyProtection="0"/>
    <xf numFmtId="38" fontId="3" fillId="0" borderId="0" applyFont="0" applyFill="0" applyBorder="0" applyAlignment="0" applyProtection="0">
      <alignment vertical="center"/>
    </xf>
    <xf numFmtId="0" fontId="3" fillId="0" borderId="0">
      <alignment vertical="center"/>
    </xf>
  </cellStyleXfs>
  <cellXfs count="112">
    <xf numFmtId="0" fontId="0" fillId="0" borderId="0" xfId="0"/>
    <xf numFmtId="0" fontId="2" fillId="0" borderId="0" xfId="0" applyFont="1" applyAlignment="1">
      <alignment vertical="center"/>
    </xf>
    <xf numFmtId="0" fontId="4" fillId="0" borderId="0" xfId="0" applyFont="1" applyAlignment="1">
      <alignment vertical="center"/>
    </xf>
    <xf numFmtId="0" fontId="6" fillId="0" borderId="0" xfId="0" applyFont="1" applyAlignment="1">
      <alignment vertical="center"/>
    </xf>
    <xf numFmtId="0" fontId="4" fillId="0" borderId="0" xfId="0" applyFont="1" applyAlignment="1">
      <alignment horizontal="center" vertical="center"/>
    </xf>
    <xf numFmtId="0" fontId="4" fillId="0" borderId="0" xfId="0" applyFont="1" applyBorder="1" applyAlignment="1">
      <alignment horizontal="center" vertical="center"/>
    </xf>
    <xf numFmtId="0" fontId="4" fillId="0" borderId="6" xfId="0" applyFont="1" applyBorder="1" applyAlignment="1">
      <alignment horizontal="center" vertical="center"/>
    </xf>
    <xf numFmtId="0" fontId="2" fillId="2" borderId="7" xfId="0" applyFont="1" applyFill="1" applyBorder="1" applyAlignment="1">
      <alignment horizontal="center" vertical="center"/>
    </xf>
    <xf numFmtId="0" fontId="8" fillId="0" borderId="0" xfId="0" applyFont="1" applyAlignment="1">
      <alignment vertical="center"/>
    </xf>
    <xf numFmtId="0" fontId="2" fillId="0" borderId="6" xfId="0" applyFont="1" applyBorder="1" applyAlignment="1">
      <alignment vertical="center"/>
    </xf>
    <xf numFmtId="0" fontId="2" fillId="3" borderId="5" xfId="0" applyFont="1" applyFill="1" applyBorder="1" applyAlignment="1">
      <alignment vertical="center"/>
    </xf>
    <xf numFmtId="0" fontId="2" fillId="3" borderId="11" xfId="0" applyFont="1" applyFill="1" applyBorder="1" applyAlignment="1">
      <alignment vertical="center"/>
    </xf>
    <xf numFmtId="0" fontId="2" fillId="3" borderId="12" xfId="0" applyFont="1" applyFill="1" applyBorder="1" applyAlignment="1">
      <alignment vertical="center"/>
    </xf>
    <xf numFmtId="38" fontId="2" fillId="3" borderId="14" xfId="0" applyNumberFormat="1" applyFont="1" applyFill="1" applyBorder="1" applyAlignment="1">
      <alignment vertical="center"/>
    </xf>
    <xf numFmtId="0" fontId="2" fillId="3" borderId="15" xfId="0" applyFont="1" applyFill="1" applyBorder="1" applyAlignment="1">
      <alignment horizontal="center" vertical="center"/>
    </xf>
    <xf numFmtId="0" fontId="2" fillId="3" borderId="16" xfId="0" applyFont="1" applyFill="1" applyBorder="1" applyAlignment="1">
      <alignment vertical="center"/>
    </xf>
    <xf numFmtId="0" fontId="2" fillId="3" borderId="17" xfId="0" applyFont="1" applyFill="1" applyBorder="1" applyAlignment="1">
      <alignment vertical="center"/>
    </xf>
    <xf numFmtId="0" fontId="2" fillId="3" borderId="18" xfId="0" applyFont="1" applyFill="1" applyBorder="1" applyAlignment="1">
      <alignment vertical="center"/>
    </xf>
    <xf numFmtId="0" fontId="2" fillId="3" borderId="21" xfId="0" applyFont="1" applyFill="1" applyBorder="1" applyAlignment="1">
      <alignment vertical="center"/>
    </xf>
    <xf numFmtId="0" fontId="2" fillId="2" borderId="5" xfId="0" applyFont="1" applyFill="1" applyBorder="1" applyAlignment="1">
      <alignment vertical="center"/>
    </xf>
    <xf numFmtId="0" fontId="2" fillId="2" borderId="0" xfId="0" applyFont="1" applyFill="1" applyBorder="1" applyAlignment="1">
      <alignment vertical="center"/>
    </xf>
    <xf numFmtId="0" fontId="2" fillId="2" borderId="21" xfId="0" applyFont="1" applyFill="1" applyBorder="1" applyAlignment="1">
      <alignment vertical="center"/>
    </xf>
    <xf numFmtId="0" fontId="2" fillId="3" borderId="22" xfId="0" applyFont="1" applyFill="1" applyBorder="1" applyAlignment="1">
      <alignment vertical="center"/>
    </xf>
    <xf numFmtId="0" fontId="0" fillId="3" borderId="21" xfId="0" applyFont="1" applyFill="1" applyBorder="1" applyAlignment="1">
      <alignment vertical="center"/>
    </xf>
    <xf numFmtId="38" fontId="2" fillId="2" borderId="5" xfId="2" applyFont="1" applyFill="1" applyBorder="1" applyAlignment="1">
      <alignment vertical="center"/>
    </xf>
    <xf numFmtId="0" fontId="2" fillId="3" borderId="21" xfId="0" applyFont="1" applyFill="1" applyBorder="1" applyAlignment="1">
      <alignment horizontal="center" vertical="center"/>
    </xf>
    <xf numFmtId="0" fontId="2" fillId="0" borderId="22" xfId="0" applyFont="1" applyBorder="1" applyAlignment="1">
      <alignment vertical="center"/>
    </xf>
    <xf numFmtId="0" fontId="2" fillId="3" borderId="4" xfId="0" applyFont="1" applyFill="1" applyBorder="1" applyAlignment="1">
      <alignment vertical="center"/>
    </xf>
    <xf numFmtId="0" fontId="2" fillId="3" borderId="13" xfId="0" applyFont="1" applyFill="1" applyBorder="1" applyAlignment="1">
      <alignment vertical="center"/>
    </xf>
    <xf numFmtId="0" fontId="2" fillId="2" borderId="4" xfId="0" applyFont="1" applyFill="1" applyBorder="1" applyAlignment="1">
      <alignment vertical="center"/>
    </xf>
    <xf numFmtId="0" fontId="2" fillId="2" borderId="6" xfId="0" applyFont="1" applyFill="1" applyBorder="1" applyAlignment="1">
      <alignment vertical="center"/>
    </xf>
    <xf numFmtId="0" fontId="2" fillId="2" borderId="13" xfId="0" applyFont="1" applyFill="1" applyBorder="1" applyAlignment="1">
      <alignment vertical="center"/>
    </xf>
    <xf numFmtId="0" fontId="2" fillId="3" borderId="0" xfId="0" applyFont="1" applyFill="1" applyBorder="1" applyAlignment="1">
      <alignment vertical="center"/>
    </xf>
    <xf numFmtId="0" fontId="2" fillId="3" borderId="24" xfId="0" applyFont="1" applyFill="1" applyBorder="1" applyAlignment="1">
      <alignment vertical="center"/>
    </xf>
    <xf numFmtId="0" fontId="2" fillId="3" borderId="19" xfId="0" applyFont="1" applyFill="1" applyBorder="1" applyAlignment="1">
      <alignment vertical="center"/>
    </xf>
    <xf numFmtId="0" fontId="2" fillId="3" borderId="20" xfId="0" applyFont="1" applyFill="1" applyBorder="1" applyAlignment="1">
      <alignment vertical="center"/>
    </xf>
    <xf numFmtId="0" fontId="2" fillId="2" borderId="25" xfId="0" applyFont="1" applyFill="1" applyBorder="1" applyAlignment="1">
      <alignment vertical="center"/>
    </xf>
    <xf numFmtId="0" fontId="2" fillId="3" borderId="20" xfId="0" applyFont="1" applyFill="1" applyBorder="1" applyAlignment="1">
      <alignment horizontal="center" vertical="center"/>
    </xf>
    <xf numFmtId="0" fontId="2" fillId="3" borderId="25" xfId="0" applyFont="1" applyFill="1" applyBorder="1" applyAlignment="1">
      <alignment vertical="center"/>
    </xf>
    <xf numFmtId="0" fontId="2" fillId="3" borderId="26" xfId="0" applyFont="1" applyFill="1" applyBorder="1" applyAlignment="1">
      <alignment vertical="center"/>
    </xf>
    <xf numFmtId="0" fontId="2" fillId="0" borderId="5" xfId="0" applyFont="1" applyFill="1" applyBorder="1" applyAlignment="1">
      <alignment vertical="center"/>
    </xf>
    <xf numFmtId="0" fontId="2" fillId="3" borderId="27" xfId="0" applyFont="1" applyFill="1" applyBorder="1" applyAlignment="1">
      <alignment vertical="center"/>
    </xf>
    <xf numFmtId="0" fontId="2" fillId="3" borderId="28" xfId="0" applyFont="1" applyFill="1" applyBorder="1" applyAlignment="1">
      <alignment vertical="center"/>
    </xf>
    <xf numFmtId="0" fontId="2" fillId="2" borderId="16" xfId="0" applyFont="1" applyFill="1" applyBorder="1" applyAlignment="1">
      <alignment vertical="center"/>
    </xf>
    <xf numFmtId="0" fontId="2" fillId="3" borderId="18" xfId="0" applyFont="1" applyFill="1" applyBorder="1" applyAlignment="1">
      <alignment horizontal="center" vertical="center"/>
    </xf>
    <xf numFmtId="38" fontId="2" fillId="3" borderId="4" xfId="2" applyFont="1" applyFill="1" applyBorder="1" applyAlignment="1">
      <alignment vertical="center"/>
    </xf>
    <xf numFmtId="0" fontId="2" fillId="3" borderId="13" xfId="0" applyFont="1" applyFill="1" applyBorder="1" applyAlignment="1">
      <alignment horizontal="center" vertical="center"/>
    </xf>
    <xf numFmtId="0" fontId="2" fillId="3" borderId="6" xfId="0" applyFont="1" applyFill="1" applyBorder="1" applyAlignment="1">
      <alignment vertical="center"/>
    </xf>
    <xf numFmtId="0" fontId="2" fillId="0" borderId="0" xfId="0" applyFont="1" applyBorder="1" applyAlignment="1">
      <alignment vertical="center"/>
    </xf>
    <xf numFmtId="0" fontId="9" fillId="0" borderId="0" xfId="0" applyFont="1" applyBorder="1" applyAlignment="1">
      <alignment vertical="center"/>
    </xf>
    <xf numFmtId="0" fontId="3" fillId="0" borderId="0" xfId="3">
      <alignment vertical="center"/>
    </xf>
    <xf numFmtId="0" fontId="4" fillId="0" borderId="0" xfId="3" applyFont="1" applyAlignment="1">
      <alignment horizontal="center" vertical="center"/>
    </xf>
    <xf numFmtId="0" fontId="4" fillId="0" borderId="0" xfId="3" applyFont="1" applyAlignment="1">
      <alignment vertical="center"/>
    </xf>
    <xf numFmtId="0" fontId="4" fillId="2" borderId="0" xfId="3" applyFont="1" applyFill="1" applyAlignment="1">
      <alignment horizontal="center" vertical="center"/>
    </xf>
    <xf numFmtId="0" fontId="2" fillId="0" borderId="0" xfId="3" applyFont="1" applyAlignment="1">
      <alignment horizontal="left" vertical="center"/>
    </xf>
    <xf numFmtId="0" fontId="4" fillId="0" borderId="0" xfId="3" applyFont="1" applyAlignment="1">
      <alignment horizontal="right" vertical="center"/>
    </xf>
    <xf numFmtId="0" fontId="2" fillId="0" borderId="0" xfId="3" applyFont="1">
      <alignment vertical="center"/>
    </xf>
    <xf numFmtId="0" fontId="2" fillId="0" borderId="0" xfId="3" applyFont="1" applyAlignment="1">
      <alignment horizontal="right" vertical="center"/>
    </xf>
    <xf numFmtId="0" fontId="2" fillId="0" borderId="7" xfId="3" applyFont="1" applyBorder="1" applyAlignment="1">
      <alignment horizontal="center" vertical="center"/>
    </xf>
    <xf numFmtId="38" fontId="2" fillId="2" borderId="7" xfId="2" applyFont="1" applyFill="1" applyBorder="1" applyAlignment="1">
      <alignment vertical="center"/>
    </xf>
    <xf numFmtId="0" fontId="2" fillId="2" borderId="7" xfId="3" applyFont="1" applyFill="1" applyBorder="1">
      <alignment vertical="center"/>
    </xf>
    <xf numFmtId="38" fontId="2" fillId="2" borderId="2" xfId="2" applyFont="1" applyFill="1" applyBorder="1" applyAlignment="1">
      <alignment vertical="center"/>
    </xf>
    <xf numFmtId="0" fontId="2" fillId="2" borderId="2" xfId="3" applyFont="1" applyFill="1" applyBorder="1">
      <alignment vertical="center"/>
    </xf>
    <xf numFmtId="0" fontId="2" fillId="0" borderId="29" xfId="3" applyFont="1" applyBorder="1" applyAlignment="1">
      <alignment vertical="center"/>
    </xf>
    <xf numFmtId="0" fontId="2" fillId="0" borderId="30" xfId="3" applyFont="1" applyBorder="1" applyAlignment="1">
      <alignment vertical="center"/>
    </xf>
    <xf numFmtId="38" fontId="2" fillId="2" borderId="31" xfId="2" applyFont="1" applyFill="1" applyBorder="1" applyAlignment="1">
      <alignment vertical="center"/>
    </xf>
    <xf numFmtId="0" fontId="2" fillId="2" borderId="32" xfId="3" applyFont="1" applyFill="1" applyBorder="1">
      <alignment vertical="center"/>
    </xf>
    <xf numFmtId="0" fontId="2" fillId="0" borderId="33" xfId="3" applyFont="1" applyBorder="1" applyAlignment="1">
      <alignment vertical="center"/>
    </xf>
    <xf numFmtId="0" fontId="2" fillId="0" borderId="34" xfId="3" applyFont="1" applyBorder="1" applyAlignment="1">
      <alignment vertical="center"/>
    </xf>
    <xf numFmtId="38" fontId="2" fillId="2" borderId="35" xfId="2" applyFont="1" applyFill="1" applyBorder="1" applyAlignment="1">
      <alignment vertical="center"/>
    </xf>
    <xf numFmtId="0" fontId="2" fillId="2" borderId="36" xfId="3" applyFont="1" applyFill="1" applyBorder="1">
      <alignment vertical="center"/>
    </xf>
    <xf numFmtId="38" fontId="2" fillId="2" borderId="3" xfId="2" applyFont="1" applyFill="1" applyBorder="1" applyAlignment="1">
      <alignment vertical="center"/>
    </xf>
    <xf numFmtId="0" fontId="2" fillId="2" borderId="3" xfId="3" applyFont="1" applyFill="1" applyBorder="1">
      <alignment vertical="center"/>
    </xf>
    <xf numFmtId="38" fontId="2" fillId="2" borderId="39" xfId="2" applyFont="1" applyFill="1" applyBorder="1" applyAlignment="1">
      <alignment vertical="center"/>
    </xf>
    <xf numFmtId="0" fontId="2" fillId="2" borderId="39" xfId="3" applyFont="1" applyFill="1" applyBorder="1" applyAlignment="1">
      <alignment vertical="center" wrapText="1"/>
    </xf>
    <xf numFmtId="38" fontId="2" fillId="0" borderId="3" xfId="2" applyFont="1" applyBorder="1" applyAlignment="1">
      <alignment vertical="center"/>
    </xf>
    <xf numFmtId="0" fontId="2" fillId="0" borderId="3" xfId="3" applyFont="1" applyBorder="1">
      <alignment vertical="center"/>
    </xf>
    <xf numFmtId="0" fontId="2" fillId="0" borderId="0" xfId="0" applyFont="1" applyBorder="1" applyAlignment="1">
      <alignment vertical="center"/>
    </xf>
    <xf numFmtId="0" fontId="2" fillId="0" borderId="0" xfId="0" applyFont="1" applyAlignment="1">
      <alignment horizontal="left" vertical="center"/>
    </xf>
    <xf numFmtId="0" fontId="5" fillId="0" borderId="0" xfId="0" applyFont="1" applyAlignment="1">
      <alignment horizontal="center" vertical="center" wrapText="1"/>
    </xf>
    <xf numFmtId="0" fontId="4" fillId="0" borderId="6" xfId="0" applyFont="1" applyBorder="1" applyAlignment="1">
      <alignment horizontal="center" vertical="center"/>
    </xf>
    <xf numFmtId="0" fontId="2" fillId="0" borderId="7" xfId="0" applyFont="1" applyBorder="1" applyAlignment="1">
      <alignment horizontal="center" vertical="center"/>
    </xf>
    <xf numFmtId="0" fontId="2" fillId="0" borderId="3" xfId="0" applyFont="1" applyBorder="1" applyAlignment="1">
      <alignment horizontal="center" vertical="center"/>
    </xf>
    <xf numFmtId="0" fontId="2" fillId="2" borderId="8" xfId="0" applyFont="1" applyFill="1" applyBorder="1" applyAlignment="1">
      <alignment horizontal="center" vertical="center"/>
    </xf>
    <xf numFmtId="0" fontId="2" fillId="2" borderId="9" xfId="0" applyFont="1" applyFill="1" applyBorder="1" applyAlignment="1">
      <alignment horizontal="center" vertical="center"/>
    </xf>
    <xf numFmtId="0" fontId="2" fillId="2" borderId="10" xfId="0" applyFont="1" applyFill="1" applyBorder="1" applyAlignment="1">
      <alignment horizontal="center" vertical="center"/>
    </xf>
    <xf numFmtId="0" fontId="2" fillId="0" borderId="1" xfId="0" applyFont="1" applyBorder="1" applyAlignment="1">
      <alignment horizontal="center" vertical="center" wrapText="1"/>
    </xf>
    <xf numFmtId="0" fontId="2" fillId="0" borderId="11" xfId="0" applyFont="1" applyBorder="1" applyAlignment="1">
      <alignment horizontal="center" vertical="center"/>
    </xf>
    <xf numFmtId="0" fontId="2" fillId="0" borderId="12" xfId="0" applyFont="1" applyBorder="1" applyAlignment="1">
      <alignment horizontal="center" vertical="center"/>
    </xf>
    <xf numFmtId="0" fontId="2" fillId="0" borderId="4" xfId="0" applyFont="1" applyBorder="1" applyAlignment="1">
      <alignment horizontal="center" vertical="center"/>
    </xf>
    <xf numFmtId="0" fontId="2" fillId="0" borderId="6" xfId="0" applyFont="1" applyBorder="1" applyAlignment="1">
      <alignment horizontal="center" vertical="center"/>
    </xf>
    <xf numFmtId="0" fontId="2" fillId="0" borderId="13" xfId="0" applyFont="1" applyBorder="1" applyAlignment="1">
      <alignment horizontal="center" vertical="center"/>
    </xf>
    <xf numFmtId="0" fontId="2" fillId="0" borderId="1" xfId="0" applyFont="1" applyBorder="1" applyAlignment="1">
      <alignment horizontal="center" vertical="center"/>
    </xf>
    <xf numFmtId="0" fontId="2" fillId="3" borderId="19" xfId="0" applyFont="1" applyFill="1" applyBorder="1" applyAlignment="1">
      <alignment vertical="center"/>
    </xf>
    <xf numFmtId="0" fontId="0" fillId="3" borderId="20" xfId="0" applyFont="1" applyFill="1" applyBorder="1" applyAlignment="1">
      <alignment vertical="center"/>
    </xf>
    <xf numFmtId="0" fontId="2" fillId="3" borderId="23" xfId="0" applyFont="1" applyFill="1" applyBorder="1" applyAlignment="1">
      <alignment horizontal="center" vertical="center"/>
    </xf>
    <xf numFmtId="0" fontId="2" fillId="3" borderId="13" xfId="0" applyFont="1" applyFill="1" applyBorder="1" applyAlignment="1">
      <alignment horizontal="center" vertical="center"/>
    </xf>
    <xf numFmtId="0" fontId="2" fillId="3" borderId="4" xfId="0" applyFont="1" applyFill="1" applyBorder="1" applyAlignment="1">
      <alignment vertical="center"/>
    </xf>
    <xf numFmtId="0" fontId="2" fillId="3" borderId="6" xfId="0" applyFont="1" applyFill="1" applyBorder="1" applyAlignment="1">
      <alignment vertical="center"/>
    </xf>
    <xf numFmtId="0" fontId="2" fillId="0" borderId="8" xfId="3" applyFont="1" applyBorder="1" applyAlignment="1">
      <alignment horizontal="left" vertical="center" indent="1"/>
    </xf>
    <xf numFmtId="0" fontId="2" fillId="0" borderId="10" xfId="3" applyFont="1" applyBorder="1" applyAlignment="1">
      <alignment horizontal="left" vertical="center" indent="1"/>
    </xf>
    <xf numFmtId="0" fontId="4" fillId="0" borderId="0" xfId="3" applyFont="1" applyAlignment="1">
      <alignment horizontal="center" vertical="center"/>
    </xf>
    <xf numFmtId="0" fontId="2" fillId="0" borderId="8" xfId="3" applyFont="1" applyBorder="1" applyAlignment="1">
      <alignment horizontal="center" vertical="center"/>
    </xf>
    <xf numFmtId="0" fontId="2" fillId="0" borderId="10" xfId="3" applyFont="1" applyBorder="1" applyAlignment="1">
      <alignment horizontal="center" vertical="center"/>
    </xf>
    <xf numFmtId="0" fontId="2" fillId="0" borderId="1" xfId="3" applyFont="1" applyBorder="1" applyAlignment="1">
      <alignment horizontal="left" vertical="center" indent="1"/>
    </xf>
    <xf numFmtId="0" fontId="2" fillId="0" borderId="12" xfId="3" applyFont="1" applyBorder="1" applyAlignment="1">
      <alignment horizontal="left" vertical="center" indent="1"/>
    </xf>
    <xf numFmtId="0" fontId="2" fillId="0" borderId="37" xfId="3" applyFont="1" applyBorder="1" applyAlignment="1">
      <alignment horizontal="left" vertical="center" indent="1"/>
    </xf>
    <xf numFmtId="0" fontId="2" fillId="0" borderId="38" xfId="3" applyFont="1" applyBorder="1" applyAlignment="1">
      <alignment horizontal="left" vertical="center" indent="1"/>
    </xf>
    <xf numFmtId="0" fontId="2" fillId="0" borderId="4" xfId="3" applyFont="1" applyBorder="1" applyAlignment="1">
      <alignment horizontal="center" vertical="center"/>
    </xf>
    <xf numFmtId="0" fontId="2" fillId="0" borderId="13" xfId="3" applyFont="1" applyBorder="1" applyAlignment="1">
      <alignment horizontal="center" vertical="center"/>
    </xf>
    <xf numFmtId="0" fontId="2" fillId="0" borderId="4" xfId="3" applyFont="1" applyBorder="1" applyAlignment="1">
      <alignment horizontal="left" vertical="center" indent="1"/>
    </xf>
    <xf numFmtId="0" fontId="2" fillId="0" borderId="13" xfId="3" applyFont="1" applyBorder="1" applyAlignment="1">
      <alignment horizontal="left" vertical="center" indent="1"/>
    </xf>
  </cellXfs>
  <cellStyles count="4">
    <cellStyle name="桁区切り" xfId="2" builtinId="6"/>
    <cellStyle name="桁区切り 2" xfId="1"/>
    <cellStyle name="標準" xfId="0" builtinId="0"/>
    <cellStyle name="標準 2" xfId="3"/>
  </cellStyles>
  <dxfs count="4">
    <dxf>
      <font>
        <condense val="0"/>
        <extend val="0"/>
        <color indexed="9"/>
      </font>
    </dxf>
    <dxf>
      <font>
        <condense val="0"/>
        <extend val="0"/>
        <color indexed="9"/>
      </font>
    </dxf>
    <dxf>
      <font>
        <condense val="0"/>
        <extend val="0"/>
        <color indexed="11"/>
      </font>
    </dxf>
    <dxf>
      <font>
        <condense val="0"/>
        <extend val="0"/>
        <color indexed="9"/>
      </font>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U:\&#27770;&#31639;&#31532;&#19968;&#20418;\&#20132;&#20184;&#35201;&#32177;&#12539;&#23455;&#26045;&#35201;&#32177;\29&#24180;&#24230;&#65288;&#12467;&#12473;&#12488;&#21066;&#28187;&#12289;&#27096;&#24335;&#35211;&#30452;&#12375;&#65289;\&#20132;04_&#21307;&#30274;&#25552;&#20379;&#20307;&#21046;&#25512;&#36914;&#20107;&#26989;&#36027;&#35036;&#21161;&#37329;&#20132;&#20184;&#35201;&#32177;\&#27096;&#24335;\&#32113;&#21512;&#35036;&#21161;&#37329;_&#21029;&#32025;&#65297;&#65374;&#21029;&#32025;6&#65288;&#26696;&#65289;_&#20462;&#27491;&#21453;&#2614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作成方法"/>
      <sheetName val="第１号様式"/>
      <sheetName val="別紙1"/>
      <sheetName val="別紙2"/>
      <sheetName val="第2号様式"/>
      <sheetName val="（別紙1）"/>
      <sheetName val="（別紙2）"/>
      <sheetName val="第3号様式"/>
      <sheetName val="〔別紙1〕"/>
      <sheetName val="〔別紙2〕"/>
      <sheetName val="第4号様式"/>
      <sheetName val="第5号様式"/>
      <sheetName val="第6号様式"/>
      <sheetName val="事業分類・区分"/>
      <sheetName val="補助率・係数"/>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2">
          <cell r="B2" t="str">
            <v>救急医療対策事業</v>
          </cell>
          <cell r="C2" t="str">
            <v>周産期医療対策事業等</v>
          </cell>
          <cell r="D2" t="str">
            <v>看護職員確保対策事業</v>
          </cell>
          <cell r="E2" t="str">
            <v>歯科保健医療対策事業</v>
          </cell>
          <cell r="F2" t="str">
            <v>院内感染地域支援ネットワーク事業</v>
          </cell>
          <cell r="G2" t="str">
            <v>地域医療対策事業</v>
          </cell>
          <cell r="H2" t="str">
            <v>医療提供体制設備整備事業</v>
          </cell>
        </row>
      </sheetData>
      <sheetData sheetId="1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L64"/>
  <sheetViews>
    <sheetView topLeftCell="A13" zoomScaleNormal="100" zoomScaleSheetLayoutView="100" workbookViewId="0">
      <selection activeCell="A2" sqref="A2:I2"/>
    </sheetView>
  </sheetViews>
  <sheetFormatPr defaultColWidth="9" defaultRowHeight="20.100000000000001" customHeight="1"/>
  <cols>
    <col min="1" max="2" width="1.875" style="1" customWidth="1"/>
    <col min="3" max="3" width="10.625" style="1" customWidth="1"/>
    <col min="4" max="4" width="20.625" style="1" customWidth="1"/>
    <col min="5" max="5" width="15.625" style="1" customWidth="1"/>
    <col min="6" max="6" width="3.625" style="1" customWidth="1"/>
    <col min="7" max="9" width="13.625" style="1" customWidth="1"/>
    <col min="10" max="10" width="1.875" style="1" customWidth="1"/>
    <col min="11" max="256" width="9" style="1"/>
    <col min="257" max="258" width="1.875" style="1" customWidth="1"/>
    <col min="259" max="259" width="10.625" style="1" customWidth="1"/>
    <col min="260" max="260" width="20.625" style="1" customWidth="1"/>
    <col min="261" max="261" width="15.625" style="1" customWidth="1"/>
    <col min="262" max="262" width="3.625" style="1" customWidth="1"/>
    <col min="263" max="265" width="13.625" style="1" customWidth="1"/>
    <col min="266" max="266" width="1.875" style="1" customWidth="1"/>
    <col min="267" max="512" width="9" style="1"/>
    <col min="513" max="514" width="1.875" style="1" customWidth="1"/>
    <col min="515" max="515" width="10.625" style="1" customWidth="1"/>
    <col min="516" max="516" width="20.625" style="1" customWidth="1"/>
    <col min="517" max="517" width="15.625" style="1" customWidth="1"/>
    <col min="518" max="518" width="3.625" style="1" customWidth="1"/>
    <col min="519" max="521" width="13.625" style="1" customWidth="1"/>
    <col min="522" max="522" width="1.875" style="1" customWidth="1"/>
    <col min="523" max="768" width="9" style="1"/>
    <col min="769" max="770" width="1.875" style="1" customWidth="1"/>
    <col min="771" max="771" width="10.625" style="1" customWidth="1"/>
    <col min="772" max="772" width="20.625" style="1" customWidth="1"/>
    <col min="773" max="773" width="15.625" style="1" customWidth="1"/>
    <col min="774" max="774" width="3.625" style="1" customWidth="1"/>
    <col min="775" max="777" width="13.625" style="1" customWidth="1"/>
    <col min="778" max="778" width="1.875" style="1" customWidth="1"/>
    <col min="779" max="1024" width="9" style="1"/>
    <col min="1025" max="1026" width="1.875" style="1" customWidth="1"/>
    <col min="1027" max="1027" width="10.625" style="1" customWidth="1"/>
    <col min="1028" max="1028" width="20.625" style="1" customWidth="1"/>
    <col min="1029" max="1029" width="15.625" style="1" customWidth="1"/>
    <col min="1030" max="1030" width="3.625" style="1" customWidth="1"/>
    <col min="1031" max="1033" width="13.625" style="1" customWidth="1"/>
    <col min="1034" max="1034" width="1.875" style="1" customWidth="1"/>
    <col min="1035" max="1280" width="9" style="1"/>
    <col min="1281" max="1282" width="1.875" style="1" customWidth="1"/>
    <col min="1283" max="1283" width="10.625" style="1" customWidth="1"/>
    <col min="1284" max="1284" width="20.625" style="1" customWidth="1"/>
    <col min="1285" max="1285" width="15.625" style="1" customWidth="1"/>
    <col min="1286" max="1286" width="3.625" style="1" customWidth="1"/>
    <col min="1287" max="1289" width="13.625" style="1" customWidth="1"/>
    <col min="1290" max="1290" width="1.875" style="1" customWidth="1"/>
    <col min="1291" max="1536" width="9" style="1"/>
    <col min="1537" max="1538" width="1.875" style="1" customWidth="1"/>
    <col min="1539" max="1539" width="10.625" style="1" customWidth="1"/>
    <col min="1540" max="1540" width="20.625" style="1" customWidth="1"/>
    <col min="1541" max="1541" width="15.625" style="1" customWidth="1"/>
    <col min="1542" max="1542" width="3.625" style="1" customWidth="1"/>
    <col min="1543" max="1545" width="13.625" style="1" customWidth="1"/>
    <col min="1546" max="1546" width="1.875" style="1" customWidth="1"/>
    <col min="1547" max="1792" width="9" style="1"/>
    <col min="1793" max="1794" width="1.875" style="1" customWidth="1"/>
    <col min="1795" max="1795" width="10.625" style="1" customWidth="1"/>
    <col min="1796" max="1796" width="20.625" style="1" customWidth="1"/>
    <col min="1797" max="1797" width="15.625" style="1" customWidth="1"/>
    <col min="1798" max="1798" width="3.625" style="1" customWidth="1"/>
    <col min="1799" max="1801" width="13.625" style="1" customWidth="1"/>
    <col min="1802" max="1802" width="1.875" style="1" customWidth="1"/>
    <col min="1803" max="2048" width="9" style="1"/>
    <col min="2049" max="2050" width="1.875" style="1" customWidth="1"/>
    <col min="2051" max="2051" width="10.625" style="1" customWidth="1"/>
    <col min="2052" max="2052" width="20.625" style="1" customWidth="1"/>
    <col min="2053" max="2053" width="15.625" style="1" customWidth="1"/>
    <col min="2054" max="2054" width="3.625" style="1" customWidth="1"/>
    <col min="2055" max="2057" width="13.625" style="1" customWidth="1"/>
    <col min="2058" max="2058" width="1.875" style="1" customWidth="1"/>
    <col min="2059" max="2304" width="9" style="1"/>
    <col min="2305" max="2306" width="1.875" style="1" customWidth="1"/>
    <col min="2307" max="2307" width="10.625" style="1" customWidth="1"/>
    <col min="2308" max="2308" width="20.625" style="1" customWidth="1"/>
    <col min="2309" max="2309" width="15.625" style="1" customWidth="1"/>
    <col min="2310" max="2310" width="3.625" style="1" customWidth="1"/>
    <col min="2311" max="2313" width="13.625" style="1" customWidth="1"/>
    <col min="2314" max="2314" width="1.875" style="1" customWidth="1"/>
    <col min="2315" max="2560" width="9" style="1"/>
    <col min="2561" max="2562" width="1.875" style="1" customWidth="1"/>
    <col min="2563" max="2563" width="10.625" style="1" customWidth="1"/>
    <col min="2564" max="2564" width="20.625" style="1" customWidth="1"/>
    <col min="2565" max="2565" width="15.625" style="1" customWidth="1"/>
    <col min="2566" max="2566" width="3.625" style="1" customWidth="1"/>
    <col min="2567" max="2569" width="13.625" style="1" customWidth="1"/>
    <col min="2570" max="2570" width="1.875" style="1" customWidth="1"/>
    <col min="2571" max="2816" width="9" style="1"/>
    <col min="2817" max="2818" width="1.875" style="1" customWidth="1"/>
    <col min="2819" max="2819" width="10.625" style="1" customWidth="1"/>
    <col min="2820" max="2820" width="20.625" style="1" customWidth="1"/>
    <col min="2821" max="2821" width="15.625" style="1" customWidth="1"/>
    <col min="2822" max="2822" width="3.625" style="1" customWidth="1"/>
    <col min="2823" max="2825" width="13.625" style="1" customWidth="1"/>
    <col min="2826" max="2826" width="1.875" style="1" customWidth="1"/>
    <col min="2827" max="3072" width="9" style="1"/>
    <col min="3073" max="3074" width="1.875" style="1" customWidth="1"/>
    <col min="3075" max="3075" width="10.625" style="1" customWidth="1"/>
    <col min="3076" max="3076" width="20.625" style="1" customWidth="1"/>
    <col min="3077" max="3077" width="15.625" style="1" customWidth="1"/>
    <col min="3078" max="3078" width="3.625" style="1" customWidth="1"/>
    <col min="3079" max="3081" width="13.625" style="1" customWidth="1"/>
    <col min="3082" max="3082" width="1.875" style="1" customWidth="1"/>
    <col min="3083" max="3328" width="9" style="1"/>
    <col min="3329" max="3330" width="1.875" style="1" customWidth="1"/>
    <col min="3331" max="3331" width="10.625" style="1" customWidth="1"/>
    <col min="3332" max="3332" width="20.625" style="1" customWidth="1"/>
    <col min="3333" max="3333" width="15.625" style="1" customWidth="1"/>
    <col min="3334" max="3334" width="3.625" style="1" customWidth="1"/>
    <col min="3335" max="3337" width="13.625" style="1" customWidth="1"/>
    <col min="3338" max="3338" width="1.875" style="1" customWidth="1"/>
    <col min="3339" max="3584" width="9" style="1"/>
    <col min="3585" max="3586" width="1.875" style="1" customWidth="1"/>
    <col min="3587" max="3587" width="10.625" style="1" customWidth="1"/>
    <col min="3588" max="3588" width="20.625" style="1" customWidth="1"/>
    <col min="3589" max="3589" width="15.625" style="1" customWidth="1"/>
    <col min="3590" max="3590" width="3.625" style="1" customWidth="1"/>
    <col min="3591" max="3593" width="13.625" style="1" customWidth="1"/>
    <col min="3594" max="3594" width="1.875" style="1" customWidth="1"/>
    <col min="3595" max="3840" width="9" style="1"/>
    <col min="3841" max="3842" width="1.875" style="1" customWidth="1"/>
    <col min="3843" max="3843" width="10.625" style="1" customWidth="1"/>
    <col min="3844" max="3844" width="20.625" style="1" customWidth="1"/>
    <col min="3845" max="3845" width="15.625" style="1" customWidth="1"/>
    <col min="3846" max="3846" width="3.625" style="1" customWidth="1"/>
    <col min="3847" max="3849" width="13.625" style="1" customWidth="1"/>
    <col min="3850" max="3850" width="1.875" style="1" customWidth="1"/>
    <col min="3851" max="4096" width="9" style="1"/>
    <col min="4097" max="4098" width="1.875" style="1" customWidth="1"/>
    <col min="4099" max="4099" width="10.625" style="1" customWidth="1"/>
    <col min="4100" max="4100" width="20.625" style="1" customWidth="1"/>
    <col min="4101" max="4101" width="15.625" style="1" customWidth="1"/>
    <col min="4102" max="4102" width="3.625" style="1" customWidth="1"/>
    <col min="4103" max="4105" width="13.625" style="1" customWidth="1"/>
    <col min="4106" max="4106" width="1.875" style="1" customWidth="1"/>
    <col min="4107" max="4352" width="9" style="1"/>
    <col min="4353" max="4354" width="1.875" style="1" customWidth="1"/>
    <col min="4355" max="4355" width="10.625" style="1" customWidth="1"/>
    <col min="4356" max="4356" width="20.625" style="1" customWidth="1"/>
    <col min="4357" max="4357" width="15.625" style="1" customWidth="1"/>
    <col min="4358" max="4358" width="3.625" style="1" customWidth="1"/>
    <col min="4359" max="4361" width="13.625" style="1" customWidth="1"/>
    <col min="4362" max="4362" width="1.875" style="1" customWidth="1"/>
    <col min="4363" max="4608" width="9" style="1"/>
    <col min="4609" max="4610" width="1.875" style="1" customWidth="1"/>
    <col min="4611" max="4611" width="10.625" style="1" customWidth="1"/>
    <col min="4612" max="4612" width="20.625" style="1" customWidth="1"/>
    <col min="4613" max="4613" width="15.625" style="1" customWidth="1"/>
    <col min="4614" max="4614" width="3.625" style="1" customWidth="1"/>
    <col min="4615" max="4617" width="13.625" style="1" customWidth="1"/>
    <col min="4618" max="4618" width="1.875" style="1" customWidth="1"/>
    <col min="4619" max="4864" width="9" style="1"/>
    <col min="4865" max="4866" width="1.875" style="1" customWidth="1"/>
    <col min="4867" max="4867" width="10.625" style="1" customWidth="1"/>
    <col min="4868" max="4868" width="20.625" style="1" customWidth="1"/>
    <col min="4869" max="4869" width="15.625" style="1" customWidth="1"/>
    <col min="4870" max="4870" width="3.625" style="1" customWidth="1"/>
    <col min="4871" max="4873" width="13.625" style="1" customWidth="1"/>
    <col min="4874" max="4874" width="1.875" style="1" customWidth="1"/>
    <col min="4875" max="5120" width="9" style="1"/>
    <col min="5121" max="5122" width="1.875" style="1" customWidth="1"/>
    <col min="5123" max="5123" width="10.625" style="1" customWidth="1"/>
    <col min="5124" max="5124" width="20.625" style="1" customWidth="1"/>
    <col min="5125" max="5125" width="15.625" style="1" customWidth="1"/>
    <col min="5126" max="5126" width="3.625" style="1" customWidth="1"/>
    <col min="5127" max="5129" width="13.625" style="1" customWidth="1"/>
    <col min="5130" max="5130" width="1.875" style="1" customWidth="1"/>
    <col min="5131" max="5376" width="9" style="1"/>
    <col min="5377" max="5378" width="1.875" style="1" customWidth="1"/>
    <col min="5379" max="5379" width="10.625" style="1" customWidth="1"/>
    <col min="5380" max="5380" width="20.625" style="1" customWidth="1"/>
    <col min="5381" max="5381" width="15.625" style="1" customWidth="1"/>
    <col min="5382" max="5382" width="3.625" style="1" customWidth="1"/>
    <col min="5383" max="5385" width="13.625" style="1" customWidth="1"/>
    <col min="5386" max="5386" width="1.875" style="1" customWidth="1"/>
    <col min="5387" max="5632" width="9" style="1"/>
    <col min="5633" max="5634" width="1.875" style="1" customWidth="1"/>
    <col min="5635" max="5635" width="10.625" style="1" customWidth="1"/>
    <col min="5636" max="5636" width="20.625" style="1" customWidth="1"/>
    <col min="5637" max="5637" width="15.625" style="1" customWidth="1"/>
    <col min="5638" max="5638" width="3.625" style="1" customWidth="1"/>
    <col min="5639" max="5641" width="13.625" style="1" customWidth="1"/>
    <col min="5642" max="5642" width="1.875" style="1" customWidth="1"/>
    <col min="5643" max="5888" width="9" style="1"/>
    <col min="5889" max="5890" width="1.875" style="1" customWidth="1"/>
    <col min="5891" max="5891" width="10.625" style="1" customWidth="1"/>
    <col min="5892" max="5892" width="20.625" style="1" customWidth="1"/>
    <col min="5893" max="5893" width="15.625" style="1" customWidth="1"/>
    <col min="5894" max="5894" width="3.625" style="1" customWidth="1"/>
    <col min="5895" max="5897" width="13.625" style="1" customWidth="1"/>
    <col min="5898" max="5898" width="1.875" style="1" customWidth="1"/>
    <col min="5899" max="6144" width="9" style="1"/>
    <col min="6145" max="6146" width="1.875" style="1" customWidth="1"/>
    <col min="6147" max="6147" width="10.625" style="1" customWidth="1"/>
    <col min="6148" max="6148" width="20.625" style="1" customWidth="1"/>
    <col min="6149" max="6149" width="15.625" style="1" customWidth="1"/>
    <col min="6150" max="6150" width="3.625" style="1" customWidth="1"/>
    <col min="6151" max="6153" width="13.625" style="1" customWidth="1"/>
    <col min="6154" max="6154" width="1.875" style="1" customWidth="1"/>
    <col min="6155" max="6400" width="9" style="1"/>
    <col min="6401" max="6402" width="1.875" style="1" customWidth="1"/>
    <col min="6403" max="6403" width="10.625" style="1" customWidth="1"/>
    <col min="6404" max="6404" width="20.625" style="1" customWidth="1"/>
    <col min="6405" max="6405" width="15.625" style="1" customWidth="1"/>
    <col min="6406" max="6406" width="3.625" style="1" customWidth="1"/>
    <col min="6407" max="6409" width="13.625" style="1" customWidth="1"/>
    <col min="6410" max="6410" width="1.875" style="1" customWidth="1"/>
    <col min="6411" max="6656" width="9" style="1"/>
    <col min="6657" max="6658" width="1.875" style="1" customWidth="1"/>
    <col min="6659" max="6659" width="10.625" style="1" customWidth="1"/>
    <col min="6660" max="6660" width="20.625" style="1" customWidth="1"/>
    <col min="6661" max="6661" width="15.625" style="1" customWidth="1"/>
    <col min="6662" max="6662" width="3.625" style="1" customWidth="1"/>
    <col min="6663" max="6665" width="13.625" style="1" customWidth="1"/>
    <col min="6666" max="6666" width="1.875" style="1" customWidth="1"/>
    <col min="6667" max="6912" width="9" style="1"/>
    <col min="6913" max="6914" width="1.875" style="1" customWidth="1"/>
    <col min="6915" max="6915" width="10.625" style="1" customWidth="1"/>
    <col min="6916" max="6916" width="20.625" style="1" customWidth="1"/>
    <col min="6917" max="6917" width="15.625" style="1" customWidth="1"/>
    <col min="6918" max="6918" width="3.625" style="1" customWidth="1"/>
    <col min="6919" max="6921" width="13.625" style="1" customWidth="1"/>
    <col min="6922" max="6922" width="1.875" style="1" customWidth="1"/>
    <col min="6923" max="7168" width="9" style="1"/>
    <col min="7169" max="7170" width="1.875" style="1" customWidth="1"/>
    <col min="7171" max="7171" width="10.625" style="1" customWidth="1"/>
    <col min="7172" max="7172" width="20.625" style="1" customWidth="1"/>
    <col min="7173" max="7173" width="15.625" style="1" customWidth="1"/>
    <col min="7174" max="7174" width="3.625" style="1" customWidth="1"/>
    <col min="7175" max="7177" width="13.625" style="1" customWidth="1"/>
    <col min="7178" max="7178" width="1.875" style="1" customWidth="1"/>
    <col min="7179" max="7424" width="9" style="1"/>
    <col min="7425" max="7426" width="1.875" style="1" customWidth="1"/>
    <col min="7427" max="7427" width="10.625" style="1" customWidth="1"/>
    <col min="7428" max="7428" width="20.625" style="1" customWidth="1"/>
    <col min="7429" max="7429" width="15.625" style="1" customWidth="1"/>
    <col min="7430" max="7430" width="3.625" style="1" customWidth="1"/>
    <col min="7431" max="7433" width="13.625" style="1" customWidth="1"/>
    <col min="7434" max="7434" width="1.875" style="1" customWidth="1"/>
    <col min="7435" max="7680" width="9" style="1"/>
    <col min="7681" max="7682" width="1.875" style="1" customWidth="1"/>
    <col min="7683" max="7683" width="10.625" style="1" customWidth="1"/>
    <col min="7684" max="7684" width="20.625" style="1" customWidth="1"/>
    <col min="7685" max="7685" width="15.625" style="1" customWidth="1"/>
    <col min="7686" max="7686" width="3.625" style="1" customWidth="1"/>
    <col min="7687" max="7689" width="13.625" style="1" customWidth="1"/>
    <col min="7690" max="7690" width="1.875" style="1" customWidth="1"/>
    <col min="7691" max="7936" width="9" style="1"/>
    <col min="7937" max="7938" width="1.875" style="1" customWidth="1"/>
    <col min="7939" max="7939" width="10.625" style="1" customWidth="1"/>
    <col min="7940" max="7940" width="20.625" style="1" customWidth="1"/>
    <col min="7941" max="7941" width="15.625" style="1" customWidth="1"/>
    <col min="7942" max="7942" width="3.625" style="1" customWidth="1"/>
    <col min="7943" max="7945" width="13.625" style="1" customWidth="1"/>
    <col min="7946" max="7946" width="1.875" style="1" customWidth="1"/>
    <col min="7947" max="8192" width="9" style="1"/>
    <col min="8193" max="8194" width="1.875" style="1" customWidth="1"/>
    <col min="8195" max="8195" width="10.625" style="1" customWidth="1"/>
    <col min="8196" max="8196" width="20.625" style="1" customWidth="1"/>
    <col min="8197" max="8197" width="15.625" style="1" customWidth="1"/>
    <col min="8198" max="8198" width="3.625" style="1" customWidth="1"/>
    <col min="8199" max="8201" width="13.625" style="1" customWidth="1"/>
    <col min="8202" max="8202" width="1.875" style="1" customWidth="1"/>
    <col min="8203" max="8448" width="9" style="1"/>
    <col min="8449" max="8450" width="1.875" style="1" customWidth="1"/>
    <col min="8451" max="8451" width="10.625" style="1" customWidth="1"/>
    <col min="8452" max="8452" width="20.625" style="1" customWidth="1"/>
    <col min="8453" max="8453" width="15.625" style="1" customWidth="1"/>
    <col min="8454" max="8454" width="3.625" style="1" customWidth="1"/>
    <col min="8455" max="8457" width="13.625" style="1" customWidth="1"/>
    <col min="8458" max="8458" width="1.875" style="1" customWidth="1"/>
    <col min="8459" max="8704" width="9" style="1"/>
    <col min="8705" max="8706" width="1.875" style="1" customWidth="1"/>
    <col min="8707" max="8707" width="10.625" style="1" customWidth="1"/>
    <col min="8708" max="8708" width="20.625" style="1" customWidth="1"/>
    <col min="8709" max="8709" width="15.625" style="1" customWidth="1"/>
    <col min="8710" max="8710" width="3.625" style="1" customWidth="1"/>
    <col min="8711" max="8713" width="13.625" style="1" customWidth="1"/>
    <col min="8714" max="8714" width="1.875" style="1" customWidth="1"/>
    <col min="8715" max="8960" width="9" style="1"/>
    <col min="8961" max="8962" width="1.875" style="1" customWidth="1"/>
    <col min="8963" max="8963" width="10.625" style="1" customWidth="1"/>
    <col min="8964" max="8964" width="20.625" style="1" customWidth="1"/>
    <col min="8965" max="8965" width="15.625" style="1" customWidth="1"/>
    <col min="8966" max="8966" width="3.625" style="1" customWidth="1"/>
    <col min="8967" max="8969" width="13.625" style="1" customWidth="1"/>
    <col min="8970" max="8970" width="1.875" style="1" customWidth="1"/>
    <col min="8971" max="9216" width="9" style="1"/>
    <col min="9217" max="9218" width="1.875" style="1" customWidth="1"/>
    <col min="9219" max="9219" width="10.625" style="1" customWidth="1"/>
    <col min="9220" max="9220" width="20.625" style="1" customWidth="1"/>
    <col min="9221" max="9221" width="15.625" style="1" customWidth="1"/>
    <col min="9222" max="9222" width="3.625" style="1" customWidth="1"/>
    <col min="9223" max="9225" width="13.625" style="1" customWidth="1"/>
    <col min="9226" max="9226" width="1.875" style="1" customWidth="1"/>
    <col min="9227" max="9472" width="9" style="1"/>
    <col min="9473" max="9474" width="1.875" style="1" customWidth="1"/>
    <col min="9475" max="9475" width="10.625" style="1" customWidth="1"/>
    <col min="9476" max="9476" width="20.625" style="1" customWidth="1"/>
    <col min="9477" max="9477" width="15.625" style="1" customWidth="1"/>
    <col min="9478" max="9478" width="3.625" style="1" customWidth="1"/>
    <col min="9479" max="9481" width="13.625" style="1" customWidth="1"/>
    <col min="9482" max="9482" width="1.875" style="1" customWidth="1"/>
    <col min="9483" max="9728" width="9" style="1"/>
    <col min="9729" max="9730" width="1.875" style="1" customWidth="1"/>
    <col min="9731" max="9731" width="10.625" style="1" customWidth="1"/>
    <col min="9732" max="9732" width="20.625" style="1" customWidth="1"/>
    <col min="9733" max="9733" width="15.625" style="1" customWidth="1"/>
    <col min="9734" max="9734" width="3.625" style="1" customWidth="1"/>
    <col min="9735" max="9737" width="13.625" style="1" customWidth="1"/>
    <col min="9738" max="9738" width="1.875" style="1" customWidth="1"/>
    <col min="9739" max="9984" width="9" style="1"/>
    <col min="9985" max="9986" width="1.875" style="1" customWidth="1"/>
    <col min="9987" max="9987" width="10.625" style="1" customWidth="1"/>
    <col min="9988" max="9988" width="20.625" style="1" customWidth="1"/>
    <col min="9989" max="9989" width="15.625" style="1" customWidth="1"/>
    <col min="9990" max="9990" width="3.625" style="1" customWidth="1"/>
    <col min="9991" max="9993" width="13.625" style="1" customWidth="1"/>
    <col min="9994" max="9994" width="1.875" style="1" customWidth="1"/>
    <col min="9995" max="10240" width="9" style="1"/>
    <col min="10241" max="10242" width="1.875" style="1" customWidth="1"/>
    <col min="10243" max="10243" width="10.625" style="1" customWidth="1"/>
    <col min="10244" max="10244" width="20.625" style="1" customWidth="1"/>
    <col min="10245" max="10245" width="15.625" style="1" customWidth="1"/>
    <col min="10246" max="10246" width="3.625" style="1" customWidth="1"/>
    <col min="10247" max="10249" width="13.625" style="1" customWidth="1"/>
    <col min="10250" max="10250" width="1.875" style="1" customWidth="1"/>
    <col min="10251" max="10496" width="9" style="1"/>
    <col min="10497" max="10498" width="1.875" style="1" customWidth="1"/>
    <col min="10499" max="10499" width="10.625" style="1" customWidth="1"/>
    <col min="10500" max="10500" width="20.625" style="1" customWidth="1"/>
    <col min="10501" max="10501" width="15.625" style="1" customWidth="1"/>
    <col min="10502" max="10502" width="3.625" style="1" customWidth="1"/>
    <col min="10503" max="10505" width="13.625" style="1" customWidth="1"/>
    <col min="10506" max="10506" width="1.875" style="1" customWidth="1"/>
    <col min="10507" max="10752" width="9" style="1"/>
    <col min="10753" max="10754" width="1.875" style="1" customWidth="1"/>
    <col min="10755" max="10755" width="10.625" style="1" customWidth="1"/>
    <col min="10756" max="10756" width="20.625" style="1" customWidth="1"/>
    <col min="10757" max="10757" width="15.625" style="1" customWidth="1"/>
    <col min="10758" max="10758" width="3.625" style="1" customWidth="1"/>
    <col min="10759" max="10761" width="13.625" style="1" customWidth="1"/>
    <col min="10762" max="10762" width="1.875" style="1" customWidth="1"/>
    <col min="10763" max="11008" width="9" style="1"/>
    <col min="11009" max="11010" width="1.875" style="1" customWidth="1"/>
    <col min="11011" max="11011" width="10.625" style="1" customWidth="1"/>
    <col min="11012" max="11012" width="20.625" style="1" customWidth="1"/>
    <col min="11013" max="11013" width="15.625" style="1" customWidth="1"/>
    <col min="11014" max="11014" width="3.625" style="1" customWidth="1"/>
    <col min="11015" max="11017" width="13.625" style="1" customWidth="1"/>
    <col min="11018" max="11018" width="1.875" style="1" customWidth="1"/>
    <col min="11019" max="11264" width="9" style="1"/>
    <col min="11265" max="11266" width="1.875" style="1" customWidth="1"/>
    <col min="11267" max="11267" width="10.625" style="1" customWidth="1"/>
    <col min="11268" max="11268" width="20.625" style="1" customWidth="1"/>
    <col min="11269" max="11269" width="15.625" style="1" customWidth="1"/>
    <col min="11270" max="11270" width="3.625" style="1" customWidth="1"/>
    <col min="11271" max="11273" width="13.625" style="1" customWidth="1"/>
    <col min="11274" max="11274" width="1.875" style="1" customWidth="1"/>
    <col min="11275" max="11520" width="9" style="1"/>
    <col min="11521" max="11522" width="1.875" style="1" customWidth="1"/>
    <col min="11523" max="11523" width="10.625" style="1" customWidth="1"/>
    <col min="11524" max="11524" width="20.625" style="1" customWidth="1"/>
    <col min="11525" max="11525" width="15.625" style="1" customWidth="1"/>
    <col min="11526" max="11526" width="3.625" style="1" customWidth="1"/>
    <col min="11527" max="11529" width="13.625" style="1" customWidth="1"/>
    <col min="11530" max="11530" width="1.875" style="1" customWidth="1"/>
    <col min="11531" max="11776" width="9" style="1"/>
    <col min="11777" max="11778" width="1.875" style="1" customWidth="1"/>
    <col min="11779" max="11779" width="10.625" style="1" customWidth="1"/>
    <col min="11780" max="11780" width="20.625" style="1" customWidth="1"/>
    <col min="11781" max="11781" width="15.625" style="1" customWidth="1"/>
    <col min="11782" max="11782" width="3.625" style="1" customWidth="1"/>
    <col min="11783" max="11785" width="13.625" style="1" customWidth="1"/>
    <col min="11786" max="11786" width="1.875" style="1" customWidth="1"/>
    <col min="11787" max="12032" width="9" style="1"/>
    <col min="12033" max="12034" width="1.875" style="1" customWidth="1"/>
    <col min="12035" max="12035" width="10.625" style="1" customWidth="1"/>
    <col min="12036" max="12036" width="20.625" style="1" customWidth="1"/>
    <col min="12037" max="12037" width="15.625" style="1" customWidth="1"/>
    <col min="12038" max="12038" width="3.625" style="1" customWidth="1"/>
    <col min="12039" max="12041" width="13.625" style="1" customWidth="1"/>
    <col min="12042" max="12042" width="1.875" style="1" customWidth="1"/>
    <col min="12043" max="12288" width="9" style="1"/>
    <col min="12289" max="12290" width="1.875" style="1" customWidth="1"/>
    <col min="12291" max="12291" width="10.625" style="1" customWidth="1"/>
    <col min="12292" max="12292" width="20.625" style="1" customWidth="1"/>
    <col min="12293" max="12293" width="15.625" style="1" customWidth="1"/>
    <col min="12294" max="12294" width="3.625" style="1" customWidth="1"/>
    <col min="12295" max="12297" width="13.625" style="1" customWidth="1"/>
    <col min="12298" max="12298" width="1.875" style="1" customWidth="1"/>
    <col min="12299" max="12544" width="9" style="1"/>
    <col min="12545" max="12546" width="1.875" style="1" customWidth="1"/>
    <col min="12547" max="12547" width="10.625" style="1" customWidth="1"/>
    <col min="12548" max="12548" width="20.625" style="1" customWidth="1"/>
    <col min="12549" max="12549" width="15.625" style="1" customWidth="1"/>
    <col min="12550" max="12550" width="3.625" style="1" customWidth="1"/>
    <col min="12551" max="12553" width="13.625" style="1" customWidth="1"/>
    <col min="12554" max="12554" width="1.875" style="1" customWidth="1"/>
    <col min="12555" max="12800" width="9" style="1"/>
    <col min="12801" max="12802" width="1.875" style="1" customWidth="1"/>
    <col min="12803" max="12803" width="10.625" style="1" customWidth="1"/>
    <col min="12804" max="12804" width="20.625" style="1" customWidth="1"/>
    <col min="12805" max="12805" width="15.625" style="1" customWidth="1"/>
    <col min="12806" max="12806" width="3.625" style="1" customWidth="1"/>
    <col min="12807" max="12809" width="13.625" style="1" customWidth="1"/>
    <col min="12810" max="12810" width="1.875" style="1" customWidth="1"/>
    <col min="12811" max="13056" width="9" style="1"/>
    <col min="13057" max="13058" width="1.875" style="1" customWidth="1"/>
    <col min="13059" max="13059" width="10.625" style="1" customWidth="1"/>
    <col min="13060" max="13060" width="20.625" style="1" customWidth="1"/>
    <col min="13061" max="13061" width="15.625" style="1" customWidth="1"/>
    <col min="13062" max="13062" width="3.625" style="1" customWidth="1"/>
    <col min="13063" max="13065" width="13.625" style="1" customWidth="1"/>
    <col min="13066" max="13066" width="1.875" style="1" customWidth="1"/>
    <col min="13067" max="13312" width="9" style="1"/>
    <col min="13313" max="13314" width="1.875" style="1" customWidth="1"/>
    <col min="13315" max="13315" width="10.625" style="1" customWidth="1"/>
    <col min="13316" max="13316" width="20.625" style="1" customWidth="1"/>
    <col min="13317" max="13317" width="15.625" style="1" customWidth="1"/>
    <col min="13318" max="13318" width="3.625" style="1" customWidth="1"/>
    <col min="13319" max="13321" width="13.625" style="1" customWidth="1"/>
    <col min="13322" max="13322" width="1.875" style="1" customWidth="1"/>
    <col min="13323" max="13568" width="9" style="1"/>
    <col min="13569" max="13570" width="1.875" style="1" customWidth="1"/>
    <col min="13571" max="13571" width="10.625" style="1" customWidth="1"/>
    <col min="13572" max="13572" width="20.625" style="1" customWidth="1"/>
    <col min="13573" max="13573" width="15.625" style="1" customWidth="1"/>
    <col min="13574" max="13574" width="3.625" style="1" customWidth="1"/>
    <col min="13575" max="13577" width="13.625" style="1" customWidth="1"/>
    <col min="13578" max="13578" width="1.875" style="1" customWidth="1"/>
    <col min="13579" max="13824" width="9" style="1"/>
    <col min="13825" max="13826" width="1.875" style="1" customWidth="1"/>
    <col min="13827" max="13827" width="10.625" style="1" customWidth="1"/>
    <col min="13828" max="13828" width="20.625" style="1" customWidth="1"/>
    <col min="13829" max="13829" width="15.625" style="1" customWidth="1"/>
    <col min="13830" max="13830" width="3.625" style="1" customWidth="1"/>
    <col min="13831" max="13833" width="13.625" style="1" customWidth="1"/>
    <col min="13834" max="13834" width="1.875" style="1" customWidth="1"/>
    <col min="13835" max="14080" width="9" style="1"/>
    <col min="14081" max="14082" width="1.875" style="1" customWidth="1"/>
    <col min="14083" max="14083" width="10.625" style="1" customWidth="1"/>
    <col min="14084" max="14084" width="20.625" style="1" customWidth="1"/>
    <col min="14085" max="14085" width="15.625" style="1" customWidth="1"/>
    <col min="14086" max="14086" width="3.625" style="1" customWidth="1"/>
    <col min="14087" max="14089" width="13.625" style="1" customWidth="1"/>
    <col min="14090" max="14090" width="1.875" style="1" customWidth="1"/>
    <col min="14091" max="14336" width="9" style="1"/>
    <col min="14337" max="14338" width="1.875" style="1" customWidth="1"/>
    <col min="14339" max="14339" width="10.625" style="1" customWidth="1"/>
    <col min="14340" max="14340" width="20.625" style="1" customWidth="1"/>
    <col min="14341" max="14341" width="15.625" style="1" customWidth="1"/>
    <col min="14342" max="14342" width="3.625" style="1" customWidth="1"/>
    <col min="14343" max="14345" width="13.625" style="1" customWidth="1"/>
    <col min="14346" max="14346" width="1.875" style="1" customWidth="1"/>
    <col min="14347" max="14592" width="9" style="1"/>
    <col min="14593" max="14594" width="1.875" style="1" customWidth="1"/>
    <col min="14595" max="14595" width="10.625" style="1" customWidth="1"/>
    <col min="14596" max="14596" width="20.625" style="1" customWidth="1"/>
    <col min="14597" max="14597" width="15.625" style="1" customWidth="1"/>
    <col min="14598" max="14598" width="3.625" style="1" customWidth="1"/>
    <col min="14599" max="14601" width="13.625" style="1" customWidth="1"/>
    <col min="14602" max="14602" width="1.875" style="1" customWidth="1"/>
    <col min="14603" max="14848" width="9" style="1"/>
    <col min="14849" max="14850" width="1.875" style="1" customWidth="1"/>
    <col min="14851" max="14851" width="10.625" style="1" customWidth="1"/>
    <col min="14852" max="14852" width="20.625" style="1" customWidth="1"/>
    <col min="14853" max="14853" width="15.625" style="1" customWidth="1"/>
    <col min="14854" max="14854" width="3.625" style="1" customWidth="1"/>
    <col min="14855" max="14857" width="13.625" style="1" customWidth="1"/>
    <col min="14858" max="14858" width="1.875" style="1" customWidth="1"/>
    <col min="14859" max="15104" width="9" style="1"/>
    <col min="15105" max="15106" width="1.875" style="1" customWidth="1"/>
    <col min="15107" max="15107" width="10.625" style="1" customWidth="1"/>
    <col min="15108" max="15108" width="20.625" style="1" customWidth="1"/>
    <col min="15109" max="15109" width="15.625" style="1" customWidth="1"/>
    <col min="15110" max="15110" width="3.625" style="1" customWidth="1"/>
    <col min="15111" max="15113" width="13.625" style="1" customWidth="1"/>
    <col min="15114" max="15114" width="1.875" style="1" customWidth="1"/>
    <col min="15115" max="15360" width="9" style="1"/>
    <col min="15361" max="15362" width="1.875" style="1" customWidth="1"/>
    <col min="15363" max="15363" width="10.625" style="1" customWidth="1"/>
    <col min="15364" max="15364" width="20.625" style="1" customWidth="1"/>
    <col min="15365" max="15365" width="15.625" style="1" customWidth="1"/>
    <col min="15366" max="15366" width="3.625" style="1" customWidth="1"/>
    <col min="15367" max="15369" width="13.625" style="1" customWidth="1"/>
    <col min="15370" max="15370" width="1.875" style="1" customWidth="1"/>
    <col min="15371" max="15616" width="9" style="1"/>
    <col min="15617" max="15618" width="1.875" style="1" customWidth="1"/>
    <col min="15619" max="15619" width="10.625" style="1" customWidth="1"/>
    <col min="15620" max="15620" width="20.625" style="1" customWidth="1"/>
    <col min="15621" max="15621" width="15.625" style="1" customWidth="1"/>
    <col min="15622" max="15622" width="3.625" style="1" customWidth="1"/>
    <col min="15623" max="15625" width="13.625" style="1" customWidth="1"/>
    <col min="15626" max="15626" width="1.875" style="1" customWidth="1"/>
    <col min="15627" max="15872" width="9" style="1"/>
    <col min="15873" max="15874" width="1.875" style="1" customWidth="1"/>
    <col min="15875" max="15875" width="10.625" style="1" customWidth="1"/>
    <col min="15876" max="15876" width="20.625" style="1" customWidth="1"/>
    <col min="15877" max="15877" width="15.625" style="1" customWidth="1"/>
    <col min="15878" max="15878" width="3.625" style="1" customWidth="1"/>
    <col min="15879" max="15881" width="13.625" style="1" customWidth="1"/>
    <col min="15882" max="15882" width="1.875" style="1" customWidth="1"/>
    <col min="15883" max="16128" width="9" style="1"/>
    <col min="16129" max="16130" width="1.875" style="1" customWidth="1"/>
    <col min="16131" max="16131" width="10.625" style="1" customWidth="1"/>
    <col min="16132" max="16132" width="20.625" style="1" customWidth="1"/>
    <col min="16133" max="16133" width="15.625" style="1" customWidth="1"/>
    <col min="16134" max="16134" width="3.625" style="1" customWidth="1"/>
    <col min="16135" max="16137" width="13.625" style="1" customWidth="1"/>
    <col min="16138" max="16138" width="1.875" style="1" customWidth="1"/>
    <col min="16139" max="16384" width="9" style="1"/>
  </cols>
  <sheetData>
    <row r="1" spans="1:12" ht="18" customHeight="1">
      <c r="B1" s="78" t="s">
        <v>23</v>
      </c>
      <c r="C1" s="78"/>
      <c r="D1" s="78"/>
      <c r="E1" s="78"/>
      <c r="F1" s="78"/>
      <c r="G1" s="78"/>
      <c r="H1" s="78"/>
      <c r="I1" s="78"/>
      <c r="J1" s="2"/>
    </row>
    <row r="2" spans="1:12" ht="19.899999999999999" customHeight="1">
      <c r="A2" s="79" t="s">
        <v>24</v>
      </c>
      <c r="B2" s="79"/>
      <c r="C2" s="79"/>
      <c r="D2" s="79"/>
      <c r="E2" s="79"/>
      <c r="F2" s="79"/>
      <c r="G2" s="79"/>
      <c r="H2" s="79"/>
      <c r="I2" s="79"/>
      <c r="J2" s="3"/>
    </row>
    <row r="3" spans="1:12" ht="11.45" customHeight="1">
      <c r="B3" s="4"/>
      <c r="C3" s="4"/>
      <c r="D3" s="4"/>
      <c r="E3" s="4"/>
      <c r="F3" s="4"/>
      <c r="G3" s="4"/>
      <c r="H3" s="4"/>
    </row>
    <row r="4" spans="1:12" ht="24.75" customHeight="1">
      <c r="B4" s="4"/>
      <c r="C4" s="4"/>
      <c r="D4" s="4"/>
      <c r="E4" s="80" t="s">
        <v>0</v>
      </c>
      <c r="F4" s="80"/>
      <c r="G4" s="80"/>
      <c r="H4" s="80"/>
      <c r="I4" s="80"/>
    </row>
    <row r="5" spans="1:12" ht="10.9" customHeight="1">
      <c r="B5" s="4"/>
      <c r="C5" s="4"/>
      <c r="D5" s="4"/>
      <c r="E5" s="5"/>
      <c r="F5" s="5"/>
      <c r="G5" s="5"/>
      <c r="H5" s="5"/>
      <c r="I5" s="5"/>
    </row>
    <row r="6" spans="1:12" ht="10.9" customHeight="1">
      <c r="B6" s="4"/>
      <c r="C6" s="4"/>
      <c r="D6" s="4"/>
      <c r="E6" s="6"/>
      <c r="F6" s="6"/>
      <c r="G6" s="5"/>
      <c r="H6" s="5"/>
      <c r="I6" s="5"/>
    </row>
    <row r="7" spans="1:12" ht="27" customHeight="1">
      <c r="B7" s="81" t="s">
        <v>1</v>
      </c>
      <c r="C7" s="81"/>
      <c r="D7" s="7"/>
      <c r="E7" s="82" t="s">
        <v>2</v>
      </c>
      <c r="F7" s="82"/>
      <c r="G7" s="83"/>
      <c r="H7" s="84"/>
      <c r="I7" s="85"/>
    </row>
    <row r="8" spans="1:12" ht="33" customHeight="1">
      <c r="A8" s="8"/>
      <c r="B8" s="9" t="s">
        <v>3</v>
      </c>
      <c r="C8" s="9"/>
      <c r="D8" s="9"/>
      <c r="E8" s="9"/>
      <c r="F8" s="9"/>
      <c r="G8" s="9"/>
      <c r="H8" s="9"/>
      <c r="I8" s="9"/>
      <c r="J8" s="8"/>
      <c r="K8" s="8"/>
      <c r="L8" s="8"/>
    </row>
    <row r="9" spans="1:12" ht="18" customHeight="1">
      <c r="B9" s="86" t="s">
        <v>4</v>
      </c>
      <c r="C9" s="87"/>
      <c r="D9" s="88"/>
      <c r="E9" s="86" t="s">
        <v>5</v>
      </c>
      <c r="F9" s="88"/>
      <c r="G9" s="92" t="s">
        <v>6</v>
      </c>
      <c r="H9" s="87"/>
      <c r="I9" s="88"/>
      <c r="J9" s="8"/>
      <c r="K9" s="8"/>
      <c r="L9" s="8"/>
    </row>
    <row r="10" spans="1:12" ht="12" customHeight="1">
      <c r="B10" s="89"/>
      <c r="C10" s="90"/>
      <c r="D10" s="91"/>
      <c r="E10" s="89"/>
      <c r="F10" s="91"/>
      <c r="G10" s="89"/>
      <c r="H10" s="90"/>
      <c r="I10" s="91"/>
      <c r="J10" s="8"/>
      <c r="K10" s="8"/>
      <c r="L10" s="8"/>
    </row>
    <row r="11" spans="1:12" ht="30" customHeight="1">
      <c r="B11" s="10" t="s">
        <v>7</v>
      </c>
      <c r="C11" s="11"/>
      <c r="D11" s="12"/>
      <c r="E11" s="13">
        <f>E13+E16+E19+E22</f>
        <v>0</v>
      </c>
      <c r="F11" s="14" t="s">
        <v>8</v>
      </c>
      <c r="G11" s="15"/>
      <c r="H11" s="16"/>
      <c r="I11" s="17"/>
      <c r="J11" s="8"/>
      <c r="K11" s="8"/>
      <c r="L11" s="8"/>
    </row>
    <row r="12" spans="1:12" ht="18" customHeight="1">
      <c r="B12" s="10"/>
      <c r="C12" s="93" t="s">
        <v>9</v>
      </c>
      <c r="D12" s="94"/>
      <c r="E12" s="10"/>
      <c r="F12" s="18"/>
      <c r="G12" s="19"/>
      <c r="H12" s="20"/>
      <c r="I12" s="21"/>
      <c r="J12" s="8"/>
      <c r="K12" s="8"/>
      <c r="L12" s="8"/>
    </row>
    <row r="13" spans="1:12" ht="18" customHeight="1">
      <c r="B13" s="10"/>
      <c r="C13" s="22" t="s">
        <v>10</v>
      </c>
      <c r="D13" s="23"/>
      <c r="E13" s="24"/>
      <c r="F13" s="25" t="s">
        <v>11</v>
      </c>
      <c r="G13" s="19"/>
      <c r="H13" s="20"/>
      <c r="I13" s="21"/>
      <c r="J13" s="8"/>
      <c r="K13" s="8"/>
      <c r="L13" s="8"/>
    </row>
    <row r="14" spans="1:12" ht="18" customHeight="1">
      <c r="B14" s="10"/>
      <c r="C14" s="26"/>
      <c r="D14" s="23"/>
      <c r="E14" s="10"/>
      <c r="F14" s="18"/>
      <c r="G14" s="19"/>
      <c r="H14" s="20"/>
      <c r="I14" s="21"/>
      <c r="J14" s="8"/>
      <c r="K14" s="8"/>
      <c r="L14" s="8"/>
    </row>
    <row r="15" spans="1:12" ht="18" customHeight="1">
      <c r="B15" s="10"/>
      <c r="C15" s="22"/>
      <c r="D15" s="23"/>
      <c r="E15" s="10"/>
      <c r="F15" s="18"/>
      <c r="G15" s="19"/>
      <c r="H15" s="20"/>
      <c r="I15" s="21"/>
      <c r="J15" s="8"/>
      <c r="K15" s="8"/>
      <c r="L15" s="8"/>
    </row>
    <row r="16" spans="1:12" ht="18" customHeight="1">
      <c r="B16" s="10"/>
      <c r="C16" s="22" t="s">
        <v>12</v>
      </c>
      <c r="D16" s="18"/>
      <c r="E16" s="24"/>
      <c r="F16" s="25" t="s">
        <v>11</v>
      </c>
      <c r="G16" s="19"/>
      <c r="H16" s="20"/>
      <c r="I16" s="21"/>
      <c r="J16" s="8"/>
      <c r="K16" s="8"/>
      <c r="L16" s="8"/>
    </row>
    <row r="17" spans="2:12" ht="18" customHeight="1">
      <c r="B17" s="10"/>
      <c r="C17" s="22"/>
      <c r="D17" s="18"/>
      <c r="E17" s="10"/>
      <c r="F17" s="18"/>
      <c r="G17" s="19"/>
      <c r="H17" s="20"/>
      <c r="I17" s="21"/>
      <c r="J17" s="8"/>
      <c r="K17" s="8"/>
      <c r="L17" s="8"/>
    </row>
    <row r="18" spans="2:12" ht="18" customHeight="1">
      <c r="B18" s="10"/>
      <c r="C18" s="22"/>
      <c r="D18" s="18"/>
      <c r="E18" s="10"/>
      <c r="F18" s="18"/>
      <c r="G18" s="19"/>
      <c r="H18" s="20"/>
      <c r="I18" s="21"/>
      <c r="J18" s="8"/>
      <c r="K18" s="8"/>
      <c r="L18" s="8"/>
    </row>
    <row r="19" spans="2:12" ht="18" customHeight="1">
      <c r="B19" s="10"/>
      <c r="C19" s="22" t="s">
        <v>13</v>
      </c>
      <c r="D19" s="18"/>
      <c r="E19" s="24"/>
      <c r="F19" s="25" t="s">
        <v>11</v>
      </c>
      <c r="G19" s="19"/>
      <c r="H19" s="20"/>
      <c r="I19" s="21"/>
      <c r="J19" s="8"/>
      <c r="K19" s="8"/>
      <c r="L19" s="8"/>
    </row>
    <row r="20" spans="2:12" ht="18" customHeight="1">
      <c r="B20" s="10"/>
      <c r="C20" s="22"/>
      <c r="D20" s="18"/>
      <c r="E20" s="10"/>
      <c r="F20" s="18"/>
      <c r="G20" s="19"/>
      <c r="H20" s="20"/>
      <c r="I20" s="21"/>
      <c r="J20" s="8"/>
      <c r="K20" s="8"/>
      <c r="L20" s="8"/>
    </row>
    <row r="21" spans="2:12" ht="18" customHeight="1">
      <c r="B21" s="10"/>
      <c r="C21" s="22"/>
      <c r="D21" s="18"/>
      <c r="E21" s="10"/>
      <c r="F21" s="18"/>
      <c r="G21" s="19"/>
      <c r="H21" s="20"/>
      <c r="I21" s="21"/>
      <c r="J21" s="8"/>
      <c r="K21" s="8"/>
      <c r="L21" s="8"/>
    </row>
    <row r="22" spans="2:12" ht="18" customHeight="1">
      <c r="B22" s="10"/>
      <c r="C22" s="22" t="s">
        <v>14</v>
      </c>
      <c r="D22" s="18"/>
      <c r="E22" s="24"/>
      <c r="F22" s="25" t="s">
        <v>11</v>
      </c>
      <c r="G22" s="19"/>
      <c r="H22" s="20"/>
      <c r="I22" s="21"/>
      <c r="J22" s="8"/>
      <c r="K22" s="8"/>
      <c r="L22" s="8"/>
    </row>
    <row r="23" spans="2:12" ht="18" customHeight="1">
      <c r="B23" s="10"/>
      <c r="C23" s="26"/>
      <c r="D23" s="18"/>
      <c r="E23" s="10"/>
      <c r="F23" s="18"/>
      <c r="G23" s="19"/>
      <c r="H23" s="20"/>
      <c r="I23" s="21"/>
      <c r="J23" s="8"/>
      <c r="K23" s="8"/>
      <c r="L23" s="8"/>
    </row>
    <row r="24" spans="2:12" ht="18" customHeight="1">
      <c r="B24" s="10"/>
      <c r="C24" s="22"/>
      <c r="D24" s="18"/>
      <c r="E24" s="10"/>
      <c r="F24" s="18"/>
      <c r="G24" s="19"/>
      <c r="H24" s="20"/>
      <c r="I24" s="21"/>
      <c r="J24" s="8"/>
      <c r="K24" s="8"/>
      <c r="L24" s="8"/>
    </row>
    <row r="25" spans="2:12" ht="18" customHeight="1">
      <c r="B25" s="10"/>
      <c r="C25" s="26"/>
      <c r="D25" s="18"/>
      <c r="E25" s="10"/>
      <c r="F25" s="18"/>
      <c r="G25" s="19"/>
      <c r="H25" s="20"/>
      <c r="I25" s="21"/>
      <c r="J25" s="8"/>
      <c r="K25" s="8"/>
      <c r="L25" s="8"/>
    </row>
    <row r="26" spans="2:12" ht="18" customHeight="1">
      <c r="B26" s="27"/>
      <c r="C26" s="95"/>
      <c r="D26" s="96"/>
      <c r="E26" s="27"/>
      <c r="F26" s="28"/>
      <c r="G26" s="29"/>
      <c r="H26" s="30"/>
      <c r="I26" s="31"/>
      <c r="J26" s="8"/>
      <c r="K26" s="8"/>
      <c r="L26" s="8"/>
    </row>
    <row r="27" spans="2:12" ht="30" customHeight="1">
      <c r="B27" s="10" t="s">
        <v>15</v>
      </c>
      <c r="C27" s="11"/>
      <c r="D27" s="12"/>
      <c r="E27" s="10">
        <f>E28+E30</f>
        <v>0</v>
      </c>
      <c r="F27" s="25" t="s">
        <v>8</v>
      </c>
      <c r="G27" s="10"/>
      <c r="H27" s="32"/>
      <c r="I27" s="18"/>
      <c r="J27" s="8"/>
      <c r="K27" s="8"/>
      <c r="L27" s="8"/>
    </row>
    <row r="28" spans="2:12" ht="25.9" customHeight="1">
      <c r="B28" s="33"/>
      <c r="C28" s="34" t="s">
        <v>16</v>
      </c>
      <c r="D28" s="35"/>
      <c r="E28" s="36"/>
      <c r="F28" s="37" t="s">
        <v>8</v>
      </c>
      <c r="G28" s="38"/>
      <c r="H28" s="39"/>
      <c r="I28" s="35"/>
      <c r="J28" s="8"/>
      <c r="K28" s="8"/>
      <c r="L28" s="8"/>
    </row>
    <row r="29" spans="2:12" ht="4.9000000000000004" customHeight="1">
      <c r="B29" s="33"/>
      <c r="C29" s="22"/>
      <c r="D29" s="18"/>
      <c r="E29" s="40"/>
      <c r="F29" s="25"/>
      <c r="G29" s="10"/>
      <c r="H29" s="32"/>
      <c r="I29" s="18"/>
      <c r="J29" s="8"/>
      <c r="K29" s="8"/>
      <c r="L29" s="8"/>
    </row>
    <row r="30" spans="2:12" ht="25.9" customHeight="1">
      <c r="B30" s="41"/>
      <c r="C30" s="42" t="s">
        <v>17</v>
      </c>
      <c r="D30" s="17"/>
      <c r="E30" s="43"/>
      <c r="F30" s="44" t="s">
        <v>8</v>
      </c>
      <c r="G30" s="15"/>
      <c r="H30" s="16"/>
      <c r="I30" s="17"/>
      <c r="J30" s="8"/>
      <c r="K30" s="8"/>
      <c r="L30" s="8"/>
    </row>
    <row r="31" spans="2:12" ht="30" customHeight="1">
      <c r="B31" s="97" t="s">
        <v>18</v>
      </c>
      <c r="C31" s="98"/>
      <c r="D31" s="98"/>
      <c r="E31" s="45">
        <f>E11-E27</f>
        <v>0</v>
      </c>
      <c r="F31" s="46" t="s">
        <v>11</v>
      </c>
      <c r="G31" s="27"/>
      <c r="H31" s="47"/>
      <c r="I31" s="28"/>
      <c r="J31" s="8"/>
      <c r="K31" s="8"/>
      <c r="L31" s="8"/>
    </row>
    <row r="32" spans="2:12" ht="16.5" customHeight="1">
      <c r="B32" s="1" t="s">
        <v>25</v>
      </c>
    </row>
    <row r="33" spans="2:12" ht="16.5" customHeight="1">
      <c r="B33" s="1" t="s">
        <v>26</v>
      </c>
    </row>
    <row r="34" spans="2:12" ht="16.5" customHeight="1">
      <c r="B34" s="77" t="s">
        <v>19</v>
      </c>
      <c r="C34" s="77"/>
      <c r="D34" s="77"/>
      <c r="E34" s="77"/>
      <c r="F34" s="77"/>
      <c r="G34" s="77"/>
      <c r="H34" s="77"/>
      <c r="I34" s="77"/>
    </row>
    <row r="35" spans="2:12" ht="16.5" customHeight="1">
      <c r="B35" s="48" t="s">
        <v>20</v>
      </c>
      <c r="C35" s="48"/>
      <c r="D35" s="48"/>
      <c r="E35" s="48"/>
      <c r="F35" s="48"/>
      <c r="G35" s="48"/>
      <c r="H35" s="48"/>
      <c r="I35" s="48"/>
    </row>
    <row r="36" spans="2:12" ht="15" customHeight="1">
      <c r="B36" s="48" t="s">
        <v>21</v>
      </c>
      <c r="C36" s="49"/>
      <c r="D36" s="49"/>
      <c r="E36" s="49"/>
      <c r="F36" s="49"/>
      <c r="G36" s="49"/>
      <c r="H36" s="49"/>
      <c r="I36" s="49"/>
      <c r="J36" s="8"/>
      <c r="K36" s="8"/>
      <c r="L36" s="8"/>
    </row>
    <row r="37" spans="2:12" ht="15" customHeight="1">
      <c r="B37" s="48" t="s">
        <v>22</v>
      </c>
      <c r="C37" s="48"/>
      <c r="D37" s="48"/>
      <c r="E37" s="48"/>
      <c r="F37" s="48"/>
      <c r="G37" s="48"/>
      <c r="H37" s="48"/>
      <c r="I37" s="48"/>
      <c r="J37" s="8"/>
      <c r="K37" s="8"/>
      <c r="L37" s="8"/>
    </row>
    <row r="38" spans="2:12" ht="15" customHeight="1">
      <c r="B38" s="8"/>
      <c r="C38" s="8"/>
      <c r="D38" s="8"/>
      <c r="E38" s="8"/>
      <c r="F38" s="8"/>
      <c r="G38" s="8"/>
      <c r="H38" s="8"/>
      <c r="I38" s="8"/>
      <c r="J38" s="8"/>
      <c r="K38" s="8"/>
      <c r="L38" s="8"/>
    </row>
    <row r="39" spans="2:12" ht="15" customHeight="1">
      <c r="B39" s="8"/>
      <c r="C39" s="8"/>
      <c r="D39" s="8"/>
      <c r="E39" s="8"/>
      <c r="F39" s="8"/>
      <c r="G39" s="8"/>
      <c r="H39" s="8"/>
      <c r="I39" s="8"/>
      <c r="J39" s="8"/>
      <c r="K39" s="8"/>
      <c r="L39" s="8"/>
    </row>
    <row r="40" spans="2:12" ht="15" customHeight="1">
      <c r="B40" s="8"/>
      <c r="C40" s="8"/>
      <c r="D40" s="8"/>
      <c r="E40" s="8"/>
      <c r="F40" s="8"/>
      <c r="G40" s="8"/>
      <c r="H40" s="8"/>
      <c r="I40" s="8"/>
      <c r="J40" s="8"/>
      <c r="K40" s="8"/>
      <c r="L40" s="8"/>
    </row>
    <row r="41" spans="2:12" ht="15" customHeight="1">
      <c r="B41" s="8"/>
      <c r="C41" s="8"/>
      <c r="D41" s="8"/>
      <c r="E41" s="8"/>
      <c r="F41" s="8"/>
      <c r="G41" s="8"/>
      <c r="H41" s="8"/>
      <c r="I41" s="8"/>
      <c r="J41" s="8"/>
      <c r="K41" s="8"/>
      <c r="L41" s="8"/>
    </row>
    <row r="42" spans="2:12" ht="13.5"/>
    <row r="43" spans="2:12" ht="13.5"/>
    <row r="44" spans="2:12" ht="13.5"/>
    <row r="45" spans="2:12" ht="13.5"/>
    <row r="46" spans="2:12" ht="13.5"/>
    <row r="47" spans="2:12" ht="13.5"/>
    <row r="48" spans="2:12" ht="13.5"/>
    <row r="49" ht="13.5"/>
    <row r="50" ht="13.5"/>
    <row r="51" ht="13.5"/>
    <row r="52" ht="13.5"/>
    <row r="53" ht="13.5"/>
    <row r="54" ht="13.5"/>
    <row r="55" ht="13.5"/>
    <row r="56" ht="13.5"/>
    <row r="57" ht="13.5"/>
    <row r="58" ht="13.5"/>
    <row r="59" ht="13.5"/>
    <row r="60" ht="13.5"/>
    <row r="61" ht="13.5"/>
    <row r="62" ht="13.5"/>
    <row r="63" ht="13.5"/>
    <row r="64" ht="13.5"/>
  </sheetData>
  <mergeCells count="14">
    <mergeCell ref="B34:I34"/>
    <mergeCell ref="B1:I1"/>
    <mergeCell ref="A2:I2"/>
    <mergeCell ref="E4:F4"/>
    <mergeCell ref="G4:I4"/>
    <mergeCell ref="B7:C7"/>
    <mergeCell ref="E7:F7"/>
    <mergeCell ref="G7:I7"/>
    <mergeCell ref="B9:D10"/>
    <mergeCell ref="E9:F10"/>
    <mergeCell ref="G9:I10"/>
    <mergeCell ref="C12:D12"/>
    <mergeCell ref="C26:D26"/>
    <mergeCell ref="B31:D31"/>
  </mergeCells>
  <phoneticPr fontId="1"/>
  <conditionalFormatting sqref="E28:F30 E12:F12 E23:F26 F13:F22">
    <cfRule type="cellIs" dxfId="3" priority="3" stopIfTrue="1" operator="equal">
      <formula>0</formula>
    </cfRule>
  </conditionalFormatting>
  <conditionalFormatting sqref="E31:F31">
    <cfRule type="cellIs" dxfId="2" priority="4" stopIfTrue="1" operator="equal">
      <formula>0</formula>
    </cfRule>
  </conditionalFormatting>
  <conditionalFormatting sqref="E13:E21">
    <cfRule type="cellIs" dxfId="1" priority="2" stopIfTrue="1" operator="equal">
      <formula>0</formula>
    </cfRule>
  </conditionalFormatting>
  <conditionalFormatting sqref="E22">
    <cfRule type="cellIs" dxfId="0" priority="1" stopIfTrue="1" operator="equal">
      <formula>0</formula>
    </cfRule>
  </conditionalFormatting>
  <dataValidations count="1">
    <dataValidation type="list" allowBlank="1" showInputMessage="1" showErrorMessage="1" sqref="D7 IZ7 SV7 ACR7 AMN7 AWJ7 BGF7 BQB7 BZX7 CJT7 CTP7 DDL7 DNH7 DXD7 EGZ7 EQV7 FAR7 FKN7 FUJ7 GEF7 GOB7 GXX7 HHT7 HRP7 IBL7 ILH7 IVD7 JEZ7 JOV7 JYR7 KIN7 KSJ7 LCF7 LMB7 LVX7 MFT7 MPP7 MZL7 NJH7 NTD7 OCZ7 OMV7 OWR7 PGN7 PQJ7 QAF7 QKB7 QTX7 RDT7 RNP7 RXL7 SHH7 SRD7 TAZ7 TKV7 TUR7 UEN7 UOJ7 UYF7 VIB7 VRX7 WBT7 WLP7 WVL7 D65543 IZ65543 SV65543 ACR65543 AMN65543 AWJ65543 BGF65543 BQB65543 BZX65543 CJT65543 CTP65543 DDL65543 DNH65543 DXD65543 EGZ65543 EQV65543 FAR65543 FKN65543 FUJ65543 GEF65543 GOB65543 GXX65543 HHT65543 HRP65543 IBL65543 ILH65543 IVD65543 JEZ65543 JOV65543 JYR65543 KIN65543 KSJ65543 LCF65543 LMB65543 LVX65543 MFT65543 MPP65543 MZL65543 NJH65543 NTD65543 OCZ65543 OMV65543 OWR65543 PGN65543 PQJ65543 QAF65543 QKB65543 QTX65543 RDT65543 RNP65543 RXL65543 SHH65543 SRD65543 TAZ65543 TKV65543 TUR65543 UEN65543 UOJ65543 UYF65543 VIB65543 VRX65543 WBT65543 WLP65543 WVL65543 D131079 IZ131079 SV131079 ACR131079 AMN131079 AWJ131079 BGF131079 BQB131079 BZX131079 CJT131079 CTP131079 DDL131079 DNH131079 DXD131079 EGZ131079 EQV131079 FAR131079 FKN131079 FUJ131079 GEF131079 GOB131079 GXX131079 HHT131079 HRP131079 IBL131079 ILH131079 IVD131079 JEZ131079 JOV131079 JYR131079 KIN131079 KSJ131079 LCF131079 LMB131079 LVX131079 MFT131079 MPP131079 MZL131079 NJH131079 NTD131079 OCZ131079 OMV131079 OWR131079 PGN131079 PQJ131079 QAF131079 QKB131079 QTX131079 RDT131079 RNP131079 RXL131079 SHH131079 SRD131079 TAZ131079 TKV131079 TUR131079 UEN131079 UOJ131079 UYF131079 VIB131079 VRX131079 WBT131079 WLP131079 WVL131079 D196615 IZ196615 SV196615 ACR196615 AMN196615 AWJ196615 BGF196615 BQB196615 BZX196615 CJT196615 CTP196615 DDL196615 DNH196615 DXD196615 EGZ196615 EQV196615 FAR196615 FKN196615 FUJ196615 GEF196615 GOB196615 GXX196615 HHT196615 HRP196615 IBL196615 ILH196615 IVD196615 JEZ196615 JOV196615 JYR196615 KIN196615 KSJ196615 LCF196615 LMB196615 LVX196615 MFT196615 MPP196615 MZL196615 NJH196615 NTD196615 OCZ196615 OMV196615 OWR196615 PGN196615 PQJ196615 QAF196615 QKB196615 QTX196615 RDT196615 RNP196615 RXL196615 SHH196615 SRD196615 TAZ196615 TKV196615 TUR196615 UEN196615 UOJ196615 UYF196615 VIB196615 VRX196615 WBT196615 WLP196615 WVL196615 D262151 IZ262151 SV262151 ACR262151 AMN262151 AWJ262151 BGF262151 BQB262151 BZX262151 CJT262151 CTP262151 DDL262151 DNH262151 DXD262151 EGZ262151 EQV262151 FAR262151 FKN262151 FUJ262151 GEF262151 GOB262151 GXX262151 HHT262151 HRP262151 IBL262151 ILH262151 IVD262151 JEZ262151 JOV262151 JYR262151 KIN262151 KSJ262151 LCF262151 LMB262151 LVX262151 MFT262151 MPP262151 MZL262151 NJH262151 NTD262151 OCZ262151 OMV262151 OWR262151 PGN262151 PQJ262151 QAF262151 QKB262151 QTX262151 RDT262151 RNP262151 RXL262151 SHH262151 SRD262151 TAZ262151 TKV262151 TUR262151 UEN262151 UOJ262151 UYF262151 VIB262151 VRX262151 WBT262151 WLP262151 WVL262151 D327687 IZ327687 SV327687 ACR327687 AMN327687 AWJ327687 BGF327687 BQB327687 BZX327687 CJT327687 CTP327687 DDL327687 DNH327687 DXD327687 EGZ327687 EQV327687 FAR327687 FKN327687 FUJ327687 GEF327687 GOB327687 GXX327687 HHT327687 HRP327687 IBL327687 ILH327687 IVD327687 JEZ327687 JOV327687 JYR327687 KIN327687 KSJ327687 LCF327687 LMB327687 LVX327687 MFT327687 MPP327687 MZL327687 NJH327687 NTD327687 OCZ327687 OMV327687 OWR327687 PGN327687 PQJ327687 QAF327687 QKB327687 QTX327687 RDT327687 RNP327687 RXL327687 SHH327687 SRD327687 TAZ327687 TKV327687 TUR327687 UEN327687 UOJ327687 UYF327687 VIB327687 VRX327687 WBT327687 WLP327687 WVL327687 D393223 IZ393223 SV393223 ACR393223 AMN393223 AWJ393223 BGF393223 BQB393223 BZX393223 CJT393223 CTP393223 DDL393223 DNH393223 DXD393223 EGZ393223 EQV393223 FAR393223 FKN393223 FUJ393223 GEF393223 GOB393223 GXX393223 HHT393223 HRP393223 IBL393223 ILH393223 IVD393223 JEZ393223 JOV393223 JYR393223 KIN393223 KSJ393223 LCF393223 LMB393223 LVX393223 MFT393223 MPP393223 MZL393223 NJH393223 NTD393223 OCZ393223 OMV393223 OWR393223 PGN393223 PQJ393223 QAF393223 QKB393223 QTX393223 RDT393223 RNP393223 RXL393223 SHH393223 SRD393223 TAZ393223 TKV393223 TUR393223 UEN393223 UOJ393223 UYF393223 VIB393223 VRX393223 WBT393223 WLP393223 WVL393223 D458759 IZ458759 SV458759 ACR458759 AMN458759 AWJ458759 BGF458759 BQB458759 BZX458759 CJT458759 CTP458759 DDL458759 DNH458759 DXD458759 EGZ458759 EQV458759 FAR458759 FKN458759 FUJ458759 GEF458759 GOB458759 GXX458759 HHT458759 HRP458759 IBL458759 ILH458759 IVD458759 JEZ458759 JOV458759 JYR458759 KIN458759 KSJ458759 LCF458759 LMB458759 LVX458759 MFT458759 MPP458759 MZL458759 NJH458759 NTD458759 OCZ458759 OMV458759 OWR458759 PGN458759 PQJ458759 QAF458759 QKB458759 QTX458759 RDT458759 RNP458759 RXL458759 SHH458759 SRD458759 TAZ458759 TKV458759 TUR458759 UEN458759 UOJ458759 UYF458759 VIB458759 VRX458759 WBT458759 WLP458759 WVL458759 D524295 IZ524295 SV524295 ACR524295 AMN524295 AWJ524295 BGF524295 BQB524295 BZX524295 CJT524295 CTP524295 DDL524295 DNH524295 DXD524295 EGZ524295 EQV524295 FAR524295 FKN524295 FUJ524295 GEF524295 GOB524295 GXX524295 HHT524295 HRP524295 IBL524295 ILH524295 IVD524295 JEZ524295 JOV524295 JYR524295 KIN524295 KSJ524295 LCF524295 LMB524295 LVX524295 MFT524295 MPP524295 MZL524295 NJH524295 NTD524295 OCZ524295 OMV524295 OWR524295 PGN524295 PQJ524295 QAF524295 QKB524295 QTX524295 RDT524295 RNP524295 RXL524295 SHH524295 SRD524295 TAZ524295 TKV524295 TUR524295 UEN524295 UOJ524295 UYF524295 VIB524295 VRX524295 WBT524295 WLP524295 WVL524295 D589831 IZ589831 SV589831 ACR589831 AMN589831 AWJ589831 BGF589831 BQB589831 BZX589831 CJT589831 CTP589831 DDL589831 DNH589831 DXD589831 EGZ589831 EQV589831 FAR589831 FKN589831 FUJ589831 GEF589831 GOB589831 GXX589831 HHT589831 HRP589831 IBL589831 ILH589831 IVD589831 JEZ589831 JOV589831 JYR589831 KIN589831 KSJ589831 LCF589831 LMB589831 LVX589831 MFT589831 MPP589831 MZL589831 NJH589831 NTD589831 OCZ589831 OMV589831 OWR589831 PGN589831 PQJ589831 QAF589831 QKB589831 QTX589831 RDT589831 RNP589831 RXL589831 SHH589831 SRD589831 TAZ589831 TKV589831 TUR589831 UEN589831 UOJ589831 UYF589831 VIB589831 VRX589831 WBT589831 WLP589831 WVL589831 D655367 IZ655367 SV655367 ACR655367 AMN655367 AWJ655367 BGF655367 BQB655367 BZX655367 CJT655367 CTP655367 DDL655367 DNH655367 DXD655367 EGZ655367 EQV655367 FAR655367 FKN655367 FUJ655367 GEF655367 GOB655367 GXX655367 HHT655367 HRP655367 IBL655367 ILH655367 IVD655367 JEZ655367 JOV655367 JYR655367 KIN655367 KSJ655367 LCF655367 LMB655367 LVX655367 MFT655367 MPP655367 MZL655367 NJH655367 NTD655367 OCZ655367 OMV655367 OWR655367 PGN655367 PQJ655367 QAF655367 QKB655367 QTX655367 RDT655367 RNP655367 RXL655367 SHH655367 SRD655367 TAZ655367 TKV655367 TUR655367 UEN655367 UOJ655367 UYF655367 VIB655367 VRX655367 WBT655367 WLP655367 WVL655367 D720903 IZ720903 SV720903 ACR720903 AMN720903 AWJ720903 BGF720903 BQB720903 BZX720903 CJT720903 CTP720903 DDL720903 DNH720903 DXD720903 EGZ720903 EQV720903 FAR720903 FKN720903 FUJ720903 GEF720903 GOB720903 GXX720903 HHT720903 HRP720903 IBL720903 ILH720903 IVD720903 JEZ720903 JOV720903 JYR720903 KIN720903 KSJ720903 LCF720903 LMB720903 LVX720903 MFT720903 MPP720903 MZL720903 NJH720903 NTD720903 OCZ720903 OMV720903 OWR720903 PGN720903 PQJ720903 QAF720903 QKB720903 QTX720903 RDT720903 RNP720903 RXL720903 SHH720903 SRD720903 TAZ720903 TKV720903 TUR720903 UEN720903 UOJ720903 UYF720903 VIB720903 VRX720903 WBT720903 WLP720903 WVL720903 D786439 IZ786439 SV786439 ACR786439 AMN786439 AWJ786439 BGF786439 BQB786439 BZX786439 CJT786439 CTP786439 DDL786439 DNH786439 DXD786439 EGZ786439 EQV786439 FAR786439 FKN786439 FUJ786439 GEF786439 GOB786439 GXX786439 HHT786439 HRP786439 IBL786439 ILH786439 IVD786439 JEZ786439 JOV786439 JYR786439 KIN786439 KSJ786439 LCF786439 LMB786439 LVX786439 MFT786439 MPP786439 MZL786439 NJH786439 NTD786439 OCZ786439 OMV786439 OWR786439 PGN786439 PQJ786439 QAF786439 QKB786439 QTX786439 RDT786439 RNP786439 RXL786439 SHH786439 SRD786439 TAZ786439 TKV786439 TUR786439 UEN786439 UOJ786439 UYF786439 VIB786439 VRX786439 WBT786439 WLP786439 WVL786439 D851975 IZ851975 SV851975 ACR851975 AMN851975 AWJ851975 BGF851975 BQB851975 BZX851975 CJT851975 CTP851975 DDL851975 DNH851975 DXD851975 EGZ851975 EQV851975 FAR851975 FKN851975 FUJ851975 GEF851975 GOB851975 GXX851975 HHT851975 HRP851975 IBL851975 ILH851975 IVD851975 JEZ851975 JOV851975 JYR851975 KIN851975 KSJ851975 LCF851975 LMB851975 LVX851975 MFT851975 MPP851975 MZL851975 NJH851975 NTD851975 OCZ851975 OMV851975 OWR851975 PGN851975 PQJ851975 QAF851975 QKB851975 QTX851975 RDT851975 RNP851975 RXL851975 SHH851975 SRD851975 TAZ851975 TKV851975 TUR851975 UEN851975 UOJ851975 UYF851975 VIB851975 VRX851975 WBT851975 WLP851975 WVL851975 D917511 IZ917511 SV917511 ACR917511 AMN917511 AWJ917511 BGF917511 BQB917511 BZX917511 CJT917511 CTP917511 DDL917511 DNH917511 DXD917511 EGZ917511 EQV917511 FAR917511 FKN917511 FUJ917511 GEF917511 GOB917511 GXX917511 HHT917511 HRP917511 IBL917511 ILH917511 IVD917511 JEZ917511 JOV917511 JYR917511 KIN917511 KSJ917511 LCF917511 LMB917511 LVX917511 MFT917511 MPP917511 MZL917511 NJH917511 NTD917511 OCZ917511 OMV917511 OWR917511 PGN917511 PQJ917511 QAF917511 QKB917511 QTX917511 RDT917511 RNP917511 RXL917511 SHH917511 SRD917511 TAZ917511 TKV917511 TUR917511 UEN917511 UOJ917511 UYF917511 VIB917511 VRX917511 WBT917511 WLP917511 WVL917511 D983047 IZ983047 SV983047 ACR983047 AMN983047 AWJ983047 BGF983047 BQB983047 BZX983047 CJT983047 CTP983047 DDL983047 DNH983047 DXD983047 EGZ983047 EQV983047 FAR983047 FKN983047 FUJ983047 GEF983047 GOB983047 GXX983047 HHT983047 HRP983047 IBL983047 ILH983047 IVD983047 JEZ983047 JOV983047 JYR983047 KIN983047 KSJ983047 LCF983047 LMB983047 LVX983047 MFT983047 MPP983047 MZL983047 NJH983047 NTD983047 OCZ983047 OMV983047 OWR983047 PGN983047 PQJ983047 QAF983047 QKB983047 QTX983047 RDT983047 RNP983047 RXL983047 SHH983047 SRD983047 TAZ983047 TKV983047 TUR983047 UEN983047 UOJ983047 UYF983047 VIB983047 VRX983047 WBT983047 WLP983047 WVL983047">
      <formula1>"看護師,准看護師,看護助手"</formula1>
    </dataValidation>
  </dataValidations>
  <printOptions horizontalCentered="1"/>
  <pageMargins left="0.59055118110236227" right="0.59055118110236227" top="0.59055118110236227" bottom="0.59055118110236227" header="0.39370078740157483" footer="0.39370078740157483"/>
  <pageSetup paperSize="9" scale="98" orientation="portrait" blackAndWhite="1" r:id="rId1"/>
  <headerFooter alignWithMargins="0"/>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K23"/>
  <sheetViews>
    <sheetView tabSelected="1" topLeftCell="A13" workbookViewId="0">
      <selection activeCell="B23" sqref="B23"/>
    </sheetView>
  </sheetViews>
  <sheetFormatPr defaultColWidth="9" defaultRowHeight="13.5"/>
  <cols>
    <col min="1" max="1" width="1.875" style="50" customWidth="1"/>
    <col min="2" max="2" width="4.375" style="50" customWidth="1"/>
    <col min="3" max="3" width="15.25" style="50" customWidth="1"/>
    <col min="4" max="4" width="15" style="50" customWidth="1"/>
    <col min="5" max="5" width="50.125" style="50" customWidth="1"/>
    <col min="6" max="257" width="9" style="50"/>
    <col min="258" max="258" width="4.375" style="50" customWidth="1"/>
    <col min="259" max="259" width="15.25" style="50" customWidth="1"/>
    <col min="260" max="260" width="15" style="50" customWidth="1"/>
    <col min="261" max="261" width="50.125" style="50" customWidth="1"/>
    <col min="262" max="513" width="9" style="50"/>
    <col min="514" max="514" width="4.375" style="50" customWidth="1"/>
    <col min="515" max="515" width="15.25" style="50" customWidth="1"/>
    <col min="516" max="516" width="15" style="50" customWidth="1"/>
    <col min="517" max="517" width="50.125" style="50" customWidth="1"/>
    <col min="518" max="769" width="9" style="50"/>
    <col min="770" max="770" width="4.375" style="50" customWidth="1"/>
    <col min="771" max="771" width="15.25" style="50" customWidth="1"/>
    <col min="772" max="772" width="15" style="50" customWidth="1"/>
    <col min="773" max="773" width="50.125" style="50" customWidth="1"/>
    <col min="774" max="1025" width="9" style="50"/>
    <col min="1026" max="1026" width="4.375" style="50" customWidth="1"/>
    <col min="1027" max="1027" width="15.25" style="50" customWidth="1"/>
    <col min="1028" max="1028" width="15" style="50" customWidth="1"/>
    <col min="1029" max="1029" width="50.125" style="50" customWidth="1"/>
    <col min="1030" max="1281" width="9" style="50"/>
    <col min="1282" max="1282" width="4.375" style="50" customWidth="1"/>
    <col min="1283" max="1283" width="15.25" style="50" customWidth="1"/>
    <col min="1284" max="1284" width="15" style="50" customWidth="1"/>
    <col min="1285" max="1285" width="50.125" style="50" customWidth="1"/>
    <col min="1286" max="1537" width="9" style="50"/>
    <col min="1538" max="1538" width="4.375" style="50" customWidth="1"/>
    <col min="1539" max="1539" width="15.25" style="50" customWidth="1"/>
    <col min="1540" max="1540" width="15" style="50" customWidth="1"/>
    <col min="1541" max="1541" width="50.125" style="50" customWidth="1"/>
    <col min="1542" max="1793" width="9" style="50"/>
    <col min="1794" max="1794" width="4.375" style="50" customWidth="1"/>
    <col min="1795" max="1795" width="15.25" style="50" customWidth="1"/>
    <col min="1796" max="1796" width="15" style="50" customWidth="1"/>
    <col min="1797" max="1797" width="50.125" style="50" customWidth="1"/>
    <col min="1798" max="2049" width="9" style="50"/>
    <col min="2050" max="2050" width="4.375" style="50" customWidth="1"/>
    <col min="2051" max="2051" width="15.25" style="50" customWidth="1"/>
    <col min="2052" max="2052" width="15" style="50" customWidth="1"/>
    <col min="2053" max="2053" width="50.125" style="50" customWidth="1"/>
    <col min="2054" max="2305" width="9" style="50"/>
    <col min="2306" max="2306" width="4.375" style="50" customWidth="1"/>
    <col min="2307" max="2307" width="15.25" style="50" customWidth="1"/>
    <col min="2308" max="2308" width="15" style="50" customWidth="1"/>
    <col min="2309" max="2309" width="50.125" style="50" customWidth="1"/>
    <col min="2310" max="2561" width="9" style="50"/>
    <col min="2562" max="2562" width="4.375" style="50" customWidth="1"/>
    <col min="2563" max="2563" width="15.25" style="50" customWidth="1"/>
    <col min="2564" max="2564" width="15" style="50" customWidth="1"/>
    <col min="2565" max="2565" width="50.125" style="50" customWidth="1"/>
    <col min="2566" max="2817" width="9" style="50"/>
    <col min="2818" max="2818" width="4.375" style="50" customWidth="1"/>
    <col min="2819" max="2819" width="15.25" style="50" customWidth="1"/>
    <col min="2820" max="2820" width="15" style="50" customWidth="1"/>
    <col min="2821" max="2821" width="50.125" style="50" customWidth="1"/>
    <col min="2822" max="3073" width="9" style="50"/>
    <col min="3074" max="3074" width="4.375" style="50" customWidth="1"/>
    <col min="3075" max="3075" width="15.25" style="50" customWidth="1"/>
    <col min="3076" max="3076" width="15" style="50" customWidth="1"/>
    <col min="3077" max="3077" width="50.125" style="50" customWidth="1"/>
    <col min="3078" max="3329" width="9" style="50"/>
    <col min="3330" max="3330" width="4.375" style="50" customWidth="1"/>
    <col min="3331" max="3331" width="15.25" style="50" customWidth="1"/>
    <col min="3332" max="3332" width="15" style="50" customWidth="1"/>
    <col min="3333" max="3333" width="50.125" style="50" customWidth="1"/>
    <col min="3334" max="3585" width="9" style="50"/>
    <col min="3586" max="3586" width="4.375" style="50" customWidth="1"/>
    <col min="3587" max="3587" width="15.25" style="50" customWidth="1"/>
    <col min="3588" max="3588" width="15" style="50" customWidth="1"/>
    <col min="3589" max="3589" width="50.125" style="50" customWidth="1"/>
    <col min="3590" max="3841" width="9" style="50"/>
    <col min="3842" max="3842" width="4.375" style="50" customWidth="1"/>
    <col min="3843" max="3843" width="15.25" style="50" customWidth="1"/>
    <col min="3844" max="3844" width="15" style="50" customWidth="1"/>
    <col min="3845" max="3845" width="50.125" style="50" customWidth="1"/>
    <col min="3846" max="4097" width="9" style="50"/>
    <col min="4098" max="4098" width="4.375" style="50" customWidth="1"/>
    <col min="4099" max="4099" width="15.25" style="50" customWidth="1"/>
    <col min="4100" max="4100" width="15" style="50" customWidth="1"/>
    <col min="4101" max="4101" width="50.125" style="50" customWidth="1"/>
    <col min="4102" max="4353" width="9" style="50"/>
    <col min="4354" max="4354" width="4.375" style="50" customWidth="1"/>
    <col min="4355" max="4355" width="15.25" style="50" customWidth="1"/>
    <col min="4356" max="4356" width="15" style="50" customWidth="1"/>
    <col min="4357" max="4357" width="50.125" style="50" customWidth="1"/>
    <col min="4358" max="4609" width="9" style="50"/>
    <col min="4610" max="4610" width="4.375" style="50" customWidth="1"/>
    <col min="4611" max="4611" width="15.25" style="50" customWidth="1"/>
    <col min="4612" max="4612" width="15" style="50" customWidth="1"/>
    <col min="4613" max="4613" width="50.125" style="50" customWidth="1"/>
    <col min="4614" max="4865" width="9" style="50"/>
    <col min="4866" max="4866" width="4.375" style="50" customWidth="1"/>
    <col min="4867" max="4867" width="15.25" style="50" customWidth="1"/>
    <col min="4868" max="4868" width="15" style="50" customWidth="1"/>
    <col min="4869" max="4869" width="50.125" style="50" customWidth="1"/>
    <col min="4870" max="5121" width="9" style="50"/>
    <col min="5122" max="5122" width="4.375" style="50" customWidth="1"/>
    <col min="5123" max="5123" width="15.25" style="50" customWidth="1"/>
    <col min="5124" max="5124" width="15" style="50" customWidth="1"/>
    <col min="5125" max="5125" width="50.125" style="50" customWidth="1"/>
    <col min="5126" max="5377" width="9" style="50"/>
    <col min="5378" max="5378" width="4.375" style="50" customWidth="1"/>
    <col min="5379" max="5379" width="15.25" style="50" customWidth="1"/>
    <col min="5380" max="5380" width="15" style="50" customWidth="1"/>
    <col min="5381" max="5381" width="50.125" style="50" customWidth="1"/>
    <col min="5382" max="5633" width="9" style="50"/>
    <col min="5634" max="5634" width="4.375" style="50" customWidth="1"/>
    <col min="5635" max="5635" width="15.25" style="50" customWidth="1"/>
    <col min="5636" max="5636" width="15" style="50" customWidth="1"/>
    <col min="5637" max="5637" width="50.125" style="50" customWidth="1"/>
    <col min="5638" max="5889" width="9" style="50"/>
    <col min="5890" max="5890" width="4.375" style="50" customWidth="1"/>
    <col min="5891" max="5891" width="15.25" style="50" customWidth="1"/>
    <col min="5892" max="5892" width="15" style="50" customWidth="1"/>
    <col min="5893" max="5893" width="50.125" style="50" customWidth="1"/>
    <col min="5894" max="6145" width="9" style="50"/>
    <col min="6146" max="6146" width="4.375" style="50" customWidth="1"/>
    <col min="6147" max="6147" width="15.25" style="50" customWidth="1"/>
    <col min="6148" max="6148" width="15" style="50" customWidth="1"/>
    <col min="6149" max="6149" width="50.125" style="50" customWidth="1"/>
    <col min="6150" max="6401" width="9" style="50"/>
    <col min="6402" max="6402" width="4.375" style="50" customWidth="1"/>
    <col min="6403" max="6403" width="15.25" style="50" customWidth="1"/>
    <col min="6404" max="6404" width="15" style="50" customWidth="1"/>
    <col min="6405" max="6405" width="50.125" style="50" customWidth="1"/>
    <col min="6406" max="6657" width="9" style="50"/>
    <col min="6658" max="6658" width="4.375" style="50" customWidth="1"/>
    <col min="6659" max="6659" width="15.25" style="50" customWidth="1"/>
    <col min="6660" max="6660" width="15" style="50" customWidth="1"/>
    <col min="6661" max="6661" width="50.125" style="50" customWidth="1"/>
    <col min="6662" max="6913" width="9" style="50"/>
    <col min="6914" max="6914" width="4.375" style="50" customWidth="1"/>
    <col min="6915" max="6915" width="15.25" style="50" customWidth="1"/>
    <col min="6916" max="6916" width="15" style="50" customWidth="1"/>
    <col min="6917" max="6917" width="50.125" style="50" customWidth="1"/>
    <col min="6918" max="7169" width="9" style="50"/>
    <col min="7170" max="7170" width="4.375" style="50" customWidth="1"/>
    <col min="7171" max="7171" width="15.25" style="50" customWidth="1"/>
    <col min="7172" max="7172" width="15" style="50" customWidth="1"/>
    <col min="7173" max="7173" width="50.125" style="50" customWidth="1"/>
    <col min="7174" max="7425" width="9" style="50"/>
    <col min="7426" max="7426" width="4.375" style="50" customWidth="1"/>
    <col min="7427" max="7427" width="15.25" style="50" customWidth="1"/>
    <col min="7428" max="7428" width="15" style="50" customWidth="1"/>
    <col min="7429" max="7429" width="50.125" style="50" customWidth="1"/>
    <col min="7430" max="7681" width="9" style="50"/>
    <col min="7682" max="7682" width="4.375" style="50" customWidth="1"/>
    <col min="7683" max="7683" width="15.25" style="50" customWidth="1"/>
    <col min="7684" max="7684" width="15" style="50" customWidth="1"/>
    <col min="7685" max="7685" width="50.125" style="50" customWidth="1"/>
    <col min="7686" max="7937" width="9" style="50"/>
    <col min="7938" max="7938" width="4.375" style="50" customWidth="1"/>
    <col min="7939" max="7939" width="15.25" style="50" customWidth="1"/>
    <col min="7940" max="7940" width="15" style="50" customWidth="1"/>
    <col min="7941" max="7941" width="50.125" style="50" customWidth="1"/>
    <col min="7942" max="8193" width="9" style="50"/>
    <col min="8194" max="8194" width="4.375" style="50" customWidth="1"/>
    <col min="8195" max="8195" width="15.25" style="50" customWidth="1"/>
    <col min="8196" max="8196" width="15" style="50" customWidth="1"/>
    <col min="8197" max="8197" width="50.125" style="50" customWidth="1"/>
    <col min="8198" max="8449" width="9" style="50"/>
    <col min="8450" max="8450" width="4.375" style="50" customWidth="1"/>
    <col min="8451" max="8451" width="15.25" style="50" customWidth="1"/>
    <col min="8452" max="8452" width="15" style="50" customWidth="1"/>
    <col min="8453" max="8453" width="50.125" style="50" customWidth="1"/>
    <col min="8454" max="8705" width="9" style="50"/>
    <col min="8706" max="8706" width="4.375" style="50" customWidth="1"/>
    <col min="8707" max="8707" width="15.25" style="50" customWidth="1"/>
    <col min="8708" max="8708" width="15" style="50" customWidth="1"/>
    <col min="8709" max="8709" width="50.125" style="50" customWidth="1"/>
    <col min="8710" max="8961" width="9" style="50"/>
    <col min="8962" max="8962" width="4.375" style="50" customWidth="1"/>
    <col min="8963" max="8963" width="15.25" style="50" customWidth="1"/>
    <col min="8964" max="8964" width="15" style="50" customWidth="1"/>
    <col min="8965" max="8965" width="50.125" style="50" customWidth="1"/>
    <col min="8966" max="9217" width="9" style="50"/>
    <col min="9218" max="9218" width="4.375" style="50" customWidth="1"/>
    <col min="9219" max="9219" width="15.25" style="50" customWidth="1"/>
    <col min="9220" max="9220" width="15" style="50" customWidth="1"/>
    <col min="9221" max="9221" width="50.125" style="50" customWidth="1"/>
    <col min="9222" max="9473" width="9" style="50"/>
    <col min="9474" max="9474" width="4.375" style="50" customWidth="1"/>
    <col min="9475" max="9475" width="15.25" style="50" customWidth="1"/>
    <col min="9476" max="9476" width="15" style="50" customWidth="1"/>
    <col min="9477" max="9477" width="50.125" style="50" customWidth="1"/>
    <col min="9478" max="9729" width="9" style="50"/>
    <col min="9730" max="9730" width="4.375" style="50" customWidth="1"/>
    <col min="9731" max="9731" width="15.25" style="50" customWidth="1"/>
    <col min="9732" max="9732" width="15" style="50" customWidth="1"/>
    <col min="9733" max="9733" width="50.125" style="50" customWidth="1"/>
    <col min="9734" max="9985" width="9" style="50"/>
    <col min="9986" max="9986" width="4.375" style="50" customWidth="1"/>
    <col min="9987" max="9987" width="15.25" style="50" customWidth="1"/>
    <col min="9988" max="9988" width="15" style="50" customWidth="1"/>
    <col min="9989" max="9989" width="50.125" style="50" customWidth="1"/>
    <col min="9990" max="10241" width="9" style="50"/>
    <col min="10242" max="10242" width="4.375" style="50" customWidth="1"/>
    <col min="10243" max="10243" width="15.25" style="50" customWidth="1"/>
    <col min="10244" max="10244" width="15" style="50" customWidth="1"/>
    <col min="10245" max="10245" width="50.125" style="50" customWidth="1"/>
    <col min="10246" max="10497" width="9" style="50"/>
    <col min="10498" max="10498" width="4.375" style="50" customWidth="1"/>
    <col min="10499" max="10499" width="15.25" style="50" customWidth="1"/>
    <col min="10500" max="10500" width="15" style="50" customWidth="1"/>
    <col min="10501" max="10501" width="50.125" style="50" customWidth="1"/>
    <col min="10502" max="10753" width="9" style="50"/>
    <col min="10754" max="10754" width="4.375" style="50" customWidth="1"/>
    <col min="10755" max="10755" width="15.25" style="50" customWidth="1"/>
    <col min="10756" max="10756" width="15" style="50" customWidth="1"/>
    <col min="10757" max="10757" width="50.125" style="50" customWidth="1"/>
    <col min="10758" max="11009" width="9" style="50"/>
    <col min="11010" max="11010" width="4.375" style="50" customWidth="1"/>
    <col min="11011" max="11011" width="15.25" style="50" customWidth="1"/>
    <col min="11012" max="11012" width="15" style="50" customWidth="1"/>
    <col min="11013" max="11013" width="50.125" style="50" customWidth="1"/>
    <col min="11014" max="11265" width="9" style="50"/>
    <col min="11266" max="11266" width="4.375" style="50" customWidth="1"/>
    <col min="11267" max="11267" width="15.25" style="50" customWidth="1"/>
    <col min="11268" max="11268" width="15" style="50" customWidth="1"/>
    <col min="11269" max="11269" width="50.125" style="50" customWidth="1"/>
    <col min="11270" max="11521" width="9" style="50"/>
    <col min="11522" max="11522" width="4.375" style="50" customWidth="1"/>
    <col min="11523" max="11523" width="15.25" style="50" customWidth="1"/>
    <col min="11524" max="11524" width="15" style="50" customWidth="1"/>
    <col min="11525" max="11525" width="50.125" style="50" customWidth="1"/>
    <col min="11526" max="11777" width="9" style="50"/>
    <col min="11778" max="11778" width="4.375" style="50" customWidth="1"/>
    <col min="11779" max="11779" width="15.25" style="50" customWidth="1"/>
    <col min="11780" max="11780" width="15" style="50" customWidth="1"/>
    <col min="11781" max="11781" width="50.125" style="50" customWidth="1"/>
    <col min="11782" max="12033" width="9" style="50"/>
    <col min="12034" max="12034" width="4.375" style="50" customWidth="1"/>
    <col min="12035" max="12035" width="15.25" style="50" customWidth="1"/>
    <col min="12036" max="12036" width="15" style="50" customWidth="1"/>
    <col min="12037" max="12037" width="50.125" style="50" customWidth="1"/>
    <col min="12038" max="12289" width="9" style="50"/>
    <col min="12290" max="12290" width="4.375" style="50" customWidth="1"/>
    <col min="12291" max="12291" width="15.25" style="50" customWidth="1"/>
    <col min="12292" max="12292" width="15" style="50" customWidth="1"/>
    <col min="12293" max="12293" width="50.125" style="50" customWidth="1"/>
    <col min="12294" max="12545" width="9" style="50"/>
    <col min="12546" max="12546" width="4.375" style="50" customWidth="1"/>
    <col min="12547" max="12547" width="15.25" style="50" customWidth="1"/>
    <col min="12548" max="12548" width="15" style="50" customWidth="1"/>
    <col min="12549" max="12549" width="50.125" style="50" customWidth="1"/>
    <col min="12550" max="12801" width="9" style="50"/>
    <col min="12802" max="12802" width="4.375" style="50" customWidth="1"/>
    <col min="12803" max="12803" width="15.25" style="50" customWidth="1"/>
    <col min="12804" max="12804" width="15" style="50" customWidth="1"/>
    <col min="12805" max="12805" width="50.125" style="50" customWidth="1"/>
    <col min="12806" max="13057" width="9" style="50"/>
    <col min="13058" max="13058" width="4.375" style="50" customWidth="1"/>
    <col min="13059" max="13059" width="15.25" style="50" customWidth="1"/>
    <col min="13060" max="13060" width="15" style="50" customWidth="1"/>
    <col min="13061" max="13061" width="50.125" style="50" customWidth="1"/>
    <col min="13062" max="13313" width="9" style="50"/>
    <col min="13314" max="13314" width="4.375" style="50" customWidth="1"/>
    <col min="13315" max="13315" width="15.25" style="50" customWidth="1"/>
    <col min="13316" max="13316" width="15" style="50" customWidth="1"/>
    <col min="13317" max="13317" width="50.125" style="50" customWidth="1"/>
    <col min="13318" max="13569" width="9" style="50"/>
    <col min="13570" max="13570" width="4.375" style="50" customWidth="1"/>
    <col min="13571" max="13571" width="15.25" style="50" customWidth="1"/>
    <col min="13572" max="13572" width="15" style="50" customWidth="1"/>
    <col min="13573" max="13573" width="50.125" style="50" customWidth="1"/>
    <col min="13574" max="13825" width="9" style="50"/>
    <col min="13826" max="13826" width="4.375" style="50" customWidth="1"/>
    <col min="13827" max="13827" width="15.25" style="50" customWidth="1"/>
    <col min="13828" max="13828" width="15" style="50" customWidth="1"/>
    <col min="13829" max="13829" width="50.125" style="50" customWidth="1"/>
    <col min="13830" max="14081" width="9" style="50"/>
    <col min="14082" max="14082" width="4.375" style="50" customWidth="1"/>
    <col min="14083" max="14083" width="15.25" style="50" customWidth="1"/>
    <col min="14084" max="14084" width="15" style="50" customWidth="1"/>
    <col min="14085" max="14085" width="50.125" style="50" customWidth="1"/>
    <col min="14086" max="14337" width="9" style="50"/>
    <col min="14338" max="14338" width="4.375" style="50" customWidth="1"/>
    <col min="14339" max="14339" width="15.25" style="50" customWidth="1"/>
    <col min="14340" max="14340" width="15" style="50" customWidth="1"/>
    <col min="14341" max="14341" width="50.125" style="50" customWidth="1"/>
    <col min="14342" max="14593" width="9" style="50"/>
    <col min="14594" max="14594" width="4.375" style="50" customWidth="1"/>
    <col min="14595" max="14595" width="15.25" style="50" customWidth="1"/>
    <col min="14596" max="14596" width="15" style="50" customWidth="1"/>
    <col min="14597" max="14597" width="50.125" style="50" customWidth="1"/>
    <col min="14598" max="14849" width="9" style="50"/>
    <col min="14850" max="14850" width="4.375" style="50" customWidth="1"/>
    <col min="14851" max="14851" width="15.25" style="50" customWidth="1"/>
    <col min="14852" max="14852" width="15" style="50" customWidth="1"/>
    <col min="14853" max="14853" width="50.125" style="50" customWidth="1"/>
    <col min="14854" max="15105" width="9" style="50"/>
    <col min="15106" max="15106" width="4.375" style="50" customWidth="1"/>
    <col min="15107" max="15107" width="15.25" style="50" customWidth="1"/>
    <col min="15108" max="15108" width="15" style="50" customWidth="1"/>
    <col min="15109" max="15109" width="50.125" style="50" customWidth="1"/>
    <col min="15110" max="15361" width="9" style="50"/>
    <col min="15362" max="15362" width="4.375" style="50" customWidth="1"/>
    <col min="15363" max="15363" width="15.25" style="50" customWidth="1"/>
    <col min="15364" max="15364" width="15" style="50" customWidth="1"/>
    <col min="15365" max="15365" width="50.125" style="50" customWidth="1"/>
    <col min="15366" max="15617" width="9" style="50"/>
    <col min="15618" max="15618" width="4.375" style="50" customWidth="1"/>
    <col min="15619" max="15619" width="15.25" style="50" customWidth="1"/>
    <col min="15620" max="15620" width="15" style="50" customWidth="1"/>
    <col min="15621" max="15621" width="50.125" style="50" customWidth="1"/>
    <col min="15622" max="15873" width="9" style="50"/>
    <col min="15874" max="15874" width="4.375" style="50" customWidth="1"/>
    <col min="15875" max="15875" width="15.25" style="50" customWidth="1"/>
    <col min="15876" max="15876" width="15" style="50" customWidth="1"/>
    <col min="15877" max="15877" width="50.125" style="50" customWidth="1"/>
    <col min="15878" max="16129" width="9" style="50"/>
    <col min="16130" max="16130" width="4.375" style="50" customWidth="1"/>
    <col min="16131" max="16131" width="15.25" style="50" customWidth="1"/>
    <col min="16132" max="16132" width="15" style="50" customWidth="1"/>
    <col min="16133" max="16133" width="50.125" style="50" customWidth="1"/>
    <col min="16134" max="16384" width="9" style="50"/>
  </cols>
  <sheetData>
    <row r="2" spans="2:11" s="1" customFormat="1" ht="14.25">
      <c r="B2" s="1" t="s">
        <v>47</v>
      </c>
      <c r="K2" s="2"/>
    </row>
    <row r="3" spans="2:11" ht="14.25">
      <c r="B3" s="101" t="s">
        <v>48</v>
      </c>
      <c r="C3" s="101"/>
      <c r="D3" s="101"/>
      <c r="E3" s="101"/>
    </row>
    <row r="4" spans="2:11" ht="14.25">
      <c r="B4" s="51"/>
      <c r="C4" s="51"/>
      <c r="D4" s="51"/>
      <c r="E4" s="51"/>
    </row>
    <row r="5" spans="2:11" ht="14.25">
      <c r="C5" s="52"/>
      <c r="D5" s="52"/>
      <c r="E5" s="53" t="s">
        <v>27</v>
      </c>
    </row>
    <row r="6" spans="2:11" ht="14.25">
      <c r="B6" s="54" t="s">
        <v>46</v>
      </c>
      <c r="C6" s="55"/>
      <c r="D6" s="55"/>
      <c r="E6" s="55"/>
    </row>
    <row r="7" spans="2:11">
      <c r="B7" s="56"/>
      <c r="C7" s="56"/>
      <c r="D7" s="56"/>
      <c r="E7" s="57" t="s">
        <v>28</v>
      </c>
    </row>
    <row r="8" spans="2:11">
      <c r="B8" s="102" t="s">
        <v>29</v>
      </c>
      <c r="C8" s="103"/>
      <c r="D8" s="58" t="s">
        <v>30</v>
      </c>
      <c r="E8" s="58" t="s">
        <v>31</v>
      </c>
    </row>
    <row r="9" spans="2:11" ht="45" customHeight="1">
      <c r="B9" s="99" t="s">
        <v>32</v>
      </c>
      <c r="C9" s="100"/>
      <c r="D9" s="59"/>
      <c r="E9" s="60"/>
    </row>
    <row r="10" spans="2:11" ht="45" customHeight="1">
      <c r="B10" s="99" t="s">
        <v>33</v>
      </c>
      <c r="C10" s="100"/>
      <c r="D10" s="59"/>
      <c r="E10" s="60"/>
    </row>
    <row r="11" spans="2:11" ht="45" customHeight="1">
      <c r="B11" s="104" t="s">
        <v>34</v>
      </c>
      <c r="C11" s="105"/>
      <c r="D11" s="61"/>
      <c r="E11" s="62"/>
    </row>
    <row r="12" spans="2:11" ht="45" customHeight="1">
      <c r="B12" s="63"/>
      <c r="C12" s="64" t="s">
        <v>35</v>
      </c>
      <c r="D12" s="65"/>
      <c r="E12" s="66"/>
    </row>
    <row r="13" spans="2:11" ht="45" customHeight="1">
      <c r="B13" s="67"/>
      <c r="C13" s="68" t="s">
        <v>36</v>
      </c>
      <c r="D13" s="69"/>
      <c r="E13" s="70"/>
    </row>
    <row r="14" spans="2:11" ht="45" customHeight="1">
      <c r="B14" s="99" t="s">
        <v>37</v>
      </c>
      <c r="C14" s="100"/>
      <c r="D14" s="59"/>
      <c r="E14" s="60"/>
    </row>
    <row r="15" spans="2:11" ht="45" customHeight="1">
      <c r="B15" s="99" t="s">
        <v>38</v>
      </c>
      <c r="C15" s="100"/>
      <c r="D15" s="59"/>
      <c r="E15" s="60"/>
    </row>
    <row r="16" spans="2:11" ht="45" customHeight="1">
      <c r="B16" s="110" t="s">
        <v>39</v>
      </c>
      <c r="C16" s="111"/>
      <c r="D16" s="71"/>
      <c r="E16" s="72"/>
    </row>
    <row r="17" spans="2:5" ht="45" customHeight="1">
      <c r="B17" s="99" t="s">
        <v>40</v>
      </c>
      <c r="C17" s="100"/>
      <c r="D17" s="59"/>
      <c r="E17" s="60"/>
    </row>
    <row r="18" spans="2:5" ht="45" customHeight="1">
      <c r="B18" s="110" t="s">
        <v>41</v>
      </c>
      <c r="C18" s="111"/>
      <c r="D18" s="71"/>
      <c r="E18" s="72"/>
    </row>
    <row r="19" spans="2:5" ht="45" customHeight="1">
      <c r="B19" s="99" t="s">
        <v>42</v>
      </c>
      <c r="C19" s="100"/>
      <c r="D19" s="59"/>
      <c r="E19" s="60"/>
    </row>
    <row r="20" spans="2:5" ht="45" customHeight="1">
      <c r="B20" s="99" t="s">
        <v>43</v>
      </c>
      <c r="C20" s="100"/>
      <c r="D20" s="59"/>
      <c r="E20" s="60"/>
    </row>
    <row r="21" spans="2:5" ht="45" customHeight="1" thickBot="1">
      <c r="B21" s="106" t="s">
        <v>44</v>
      </c>
      <c r="C21" s="107"/>
      <c r="D21" s="73"/>
      <c r="E21" s="74"/>
    </row>
    <row r="22" spans="2:5" ht="14.25" thickTop="1">
      <c r="B22" s="108" t="s">
        <v>45</v>
      </c>
      <c r="C22" s="109"/>
      <c r="D22" s="75">
        <f>SUM(D9:D21)</f>
        <v>0</v>
      </c>
      <c r="E22" s="76"/>
    </row>
    <row r="23" spans="2:5">
      <c r="B23" s="56" t="s">
        <v>49</v>
      </c>
      <c r="C23" s="56"/>
      <c r="D23" s="56"/>
      <c r="E23" s="56"/>
    </row>
  </sheetData>
  <mergeCells count="14">
    <mergeCell ref="B21:C21"/>
    <mergeCell ref="B22:C22"/>
    <mergeCell ref="B15:C15"/>
    <mergeCell ref="B16:C16"/>
    <mergeCell ref="B17:C17"/>
    <mergeCell ref="B18:C18"/>
    <mergeCell ref="B19:C19"/>
    <mergeCell ref="B20:C20"/>
    <mergeCell ref="B14:C14"/>
    <mergeCell ref="B3:E3"/>
    <mergeCell ref="B8:C8"/>
    <mergeCell ref="B9:C9"/>
    <mergeCell ref="B10:C10"/>
    <mergeCell ref="B11:C11"/>
  </mergeCells>
  <phoneticPr fontId="1"/>
  <pageMargins left="0.78700000000000003" right="0.78700000000000003" top="0.98399999999999999" bottom="0.98399999999999999" header="0.51200000000000001" footer="0.51200000000000001"/>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3-1</vt:lpstr>
      <vt:lpstr>3-2</vt:lpstr>
      <vt:lpstr>'3-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中山 和秀</dc:creator>
  <cp:lastModifiedBy>user</cp:lastModifiedBy>
  <cp:lastPrinted>2023-08-25T00:48:16Z</cp:lastPrinted>
  <dcterms:created xsi:type="dcterms:W3CDTF">1997-01-08T22:48:59Z</dcterms:created>
  <dcterms:modified xsi:type="dcterms:W3CDTF">2023-09-05T06:14:31Z</dcterms:modified>
</cp:coreProperties>
</file>